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omments1.xml" ContentType="application/vnd.openxmlformats-officedocument.spreadsheetml.comments+xml"/>
  <Override PartName="/xl/threadedComments/threadedComment1.xml" ContentType="application/vnd.ms-excel.threadedcomment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9231"/>
  <workbookPr/>
  <mc:AlternateContent xmlns:mc="http://schemas.openxmlformats.org/markup-compatibility/2006">
    <mc:Choice Requires="x15">
      <x15ac:absPath xmlns:x15ac="http://schemas.microsoft.com/office/spreadsheetml/2010/11/ac" url="C:\Users\chris.alston\Downloads\"/>
    </mc:Choice>
  </mc:AlternateContent>
  <xr:revisionPtr revIDLastSave="0" documentId="13_ncr:1_{65591A1C-9740-4838-9717-4ADD7086E01C}" xr6:coauthVersionLast="47" xr6:coauthVersionMax="47" xr10:uidLastSave="{00000000-0000-0000-0000-000000000000}"/>
  <bookViews>
    <workbookView xWindow="4335" yWindow="-14505" windowWidth="19695" windowHeight="12855" xr2:uid="{00000000-000D-0000-FFFF-FFFF00000000}"/>
  </bookViews>
  <sheets>
    <sheet name="About" sheetId="1" r:id="rId1"/>
    <sheet name="Contents" sheetId="4" r:id="rId2"/>
    <sheet name="Figure 1" sheetId="2" r:id="rId3"/>
    <sheet name="Figure 2" sheetId="3" r:id="rId4"/>
    <sheet name="Figure 1.2" sheetId="5" r:id="rId5"/>
    <sheet name="Figure 3.1" sheetId="8" r:id="rId6"/>
    <sheet name="Figure B.1" sheetId="9" r:id="rId7"/>
    <sheet name="Figure B.2" sheetId="10" r:id="rId8"/>
  </sheets>
  <definedNames>
    <definedName name="SdCt01893f76f3594d6896dee9cf24a4d25d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3">'Figure 2'!$A$4:$E$65</definedName>
    <definedName name="SdCt01893f76f3594d6896dee9cf24a4d25d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3">'Figure 2'!$A$4:$E$65</definedName>
    <definedName name="SdCt3818a53a6d1e4385b61e5dba12f666cf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5">'Figure 3.1'!#REF!</definedName>
    <definedName name="SdCt3818a53a6d1e4385b61e5dba12f666cf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5">'Figure 3.1'!#REF!</definedName>
    <definedName name="SdCt4e5d766da78240418bd1ed6a7274eaa7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2">'Figure 1'!$A$3:$B$8</definedName>
    <definedName name="SdCt4e5d766da78240418bd1ed6a7274eaa7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2">'Figure 1'!$A$3:$B$8</definedName>
    <definedName name="SdCt75863d086a23460cbd2a851bcd92bb65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5">'Figure 3.1'!$A$4:$B$30</definedName>
    <definedName name="SdCt75863d086a23460cbd2a851bcd92bb65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5">'Figure 3.1'!$A$4:$B$30</definedName>
    <definedName name="SdCtcf56358eb68342b9a41e5fbe11a81be8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4">'Figure 1.2'!$A$4:$D$11</definedName>
    <definedName name="SdCtcf56358eb68342b9a41e5fbe11a81be8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4">'Figure 1.2'!$A$4:$D$11</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omments1.xml><?xml version="1.0" encoding="utf-8"?>
<comments xmlns="http://schemas.openxmlformats.org/spreadsheetml/2006/main" xmlns:mc="http://schemas.openxmlformats.org/markup-compatibility/2006" xmlns:xr="http://schemas.microsoft.com/office/spreadsheetml/2014/revision" mc:Ignorable="xr">
  <authors>
    <author>tc={D7BCB13C-1399-4DB8-BB04-0A4F37687DEE}</author>
  </authors>
  <commentList>
    <comment ref="B4" authorId="0" shapeId="0" xr:uid="{D7BCB13C-1399-4DB8-BB04-0A4F37687DEE}">
      <text>
        <t>[Threaded comment]
Your version of Excel allows you to read this threaded comment; however, any edits to it will get removed if the file is opened in a newer version of Excel. Learn more: https://go.microsoft.com/fwlink/?linkid=870924
Comment:
    If the figure is billions should this also be billions or is this ok? [Mention was removed] 
Reply:
    Change to billions if that is what is in the figure</t>
      </text>
    </comment>
  </commentList>
</comments>
</file>

<file path=xl/sharedStrings.xml><?xml version="1.0" encoding="utf-8"?>
<sst xmlns="http://schemas.openxmlformats.org/spreadsheetml/2006/main" count="747" uniqueCount="141">
  <si>
    <t>About this workbook</t>
  </si>
  <si>
    <r>
      <t xml:space="preserve">The </t>
    </r>
    <r>
      <rPr>
        <b/>
        <sz val="10"/>
        <color theme="1"/>
        <rFont val="Arial"/>
        <family val="2"/>
      </rPr>
      <t>Contents</t>
    </r>
    <r>
      <rPr>
        <sz val="10"/>
        <color theme="1"/>
        <rFont val="Arial"/>
        <family val="2"/>
      </rPr>
      <t xml:space="preserve"> worksheet links to the data for each chart.</t>
    </r>
  </si>
  <si>
    <t xml:space="preserve">The report is available from: </t>
  </si>
  <si>
    <t>Contents</t>
  </si>
  <si>
    <t>Figure no.</t>
  </si>
  <si>
    <t>Title</t>
  </si>
  <si>
    <t>Figure 1</t>
  </si>
  <si>
    <t>Many Australians use formal care services</t>
  </si>
  <si>
    <t>Figure 2</t>
  </si>
  <si>
    <t>The care economy will continue to grow</t>
  </si>
  <si>
    <t>Many aged care, NDIS and veterans' care providers operate across sectors</t>
  </si>
  <si>
    <t>Figure 1 – Many Australians use formal care services</t>
  </si>
  <si>
    <t>Number</t>
  </si>
  <si>
    <t>Supported by Aboriginal Community Controlled Health Organisations in 2023-24</t>
  </si>
  <si>
    <t>Commonwealth Home Support Programme recipients in 2023-24</t>
  </si>
  <si>
    <t>Children receiving government supported early childhood education and care as of March 2024</t>
  </si>
  <si>
    <t>Figure 2 – The care economy will continue to grow</t>
  </si>
  <si>
    <t>Year</t>
  </si>
  <si>
    <t>Care economy % of GDP - actual</t>
  </si>
  <si>
    <t>Care economy % of Workforce - actual</t>
  </si>
  <si>
    <t>Care economy % of GDP - projected</t>
  </si>
  <si>
    <t>Care economy % of Workforce - projected</t>
  </si>
  <si>
    <t>2002-03</t>
  </si>
  <si>
    <t>2003-04</t>
  </si>
  <si>
    <t>2004-05</t>
  </si>
  <si>
    <t>2005-06</t>
  </si>
  <si>
    <t>2006-07</t>
  </si>
  <si>
    <t>2007-08</t>
  </si>
  <si>
    <t>2008-09</t>
  </si>
  <si>
    <t>2009-10</t>
  </si>
  <si>
    <t>2010-11</t>
  </si>
  <si>
    <t>2011-12</t>
  </si>
  <si>
    <t>2012-13</t>
  </si>
  <si>
    <t>2013-14</t>
  </si>
  <si>
    <t>2014-15</t>
  </si>
  <si>
    <t>2015-16</t>
  </si>
  <si>
    <t>2016-17</t>
  </si>
  <si>
    <t>2017-18</t>
  </si>
  <si>
    <t>2018-19</t>
  </si>
  <si>
    <t>2019-20</t>
  </si>
  <si>
    <t>2020-21</t>
  </si>
  <si>
    <t>2021-22</t>
  </si>
  <si>
    <t>2022-23</t>
  </si>
  <si>
    <t>2023-24</t>
  </si>
  <si>
    <t>2024-25</t>
  </si>
  <si>
    <t>2025-26</t>
  </si>
  <si>
    <t>2026-27</t>
  </si>
  <si>
    <t>2027-28</t>
  </si>
  <si>
    <t>2028-29</t>
  </si>
  <si>
    <t>2029-30</t>
  </si>
  <si>
    <t>2030-31</t>
  </si>
  <si>
    <t>2031-32</t>
  </si>
  <si>
    <t>2032-33</t>
  </si>
  <si>
    <t>2033-34</t>
  </si>
  <si>
    <t>2034-35</t>
  </si>
  <si>
    <t>2035-36</t>
  </si>
  <si>
    <t>2036-37</t>
  </si>
  <si>
    <t>2037-38</t>
  </si>
  <si>
    <t>2038-39</t>
  </si>
  <si>
    <t>2039-40</t>
  </si>
  <si>
    <t>2040-41</t>
  </si>
  <si>
    <t>2041-42</t>
  </si>
  <si>
    <t>2042-43</t>
  </si>
  <si>
    <t>2043-44</t>
  </si>
  <si>
    <t>2044-45</t>
  </si>
  <si>
    <t>2045-46</t>
  </si>
  <si>
    <t>2046-47</t>
  </si>
  <si>
    <t>2047-48</t>
  </si>
  <si>
    <t>2048-49</t>
  </si>
  <si>
    <t>2049-50</t>
  </si>
  <si>
    <t>2050-51</t>
  </si>
  <si>
    <t>2051-52</t>
  </si>
  <si>
    <t>2052-53</t>
  </si>
  <si>
    <t>2053-54</t>
  </si>
  <si>
    <t>2054-55</t>
  </si>
  <si>
    <t>2055-56</t>
  </si>
  <si>
    <t>2056-57</t>
  </si>
  <si>
    <t>2057-58</t>
  </si>
  <si>
    <t>2058-59</t>
  </si>
  <si>
    <t>2059-60</t>
  </si>
  <si>
    <t>2060-61</t>
  </si>
  <si>
    <t>2061-62</t>
  </si>
  <si>
    <t>2062-63</t>
  </si>
  <si>
    <t>Source: PC estimates based on Commonwealth of Australia (2023) data.</t>
  </si>
  <si>
    <t>Proportion of providers in each sector that operate across different sectors</t>
  </si>
  <si>
    <t>Aged care (%)</t>
  </si>
  <si>
    <t>NDIS (%)</t>
  </si>
  <si>
    <t>Veterans' care (%)</t>
  </si>
  <si>
    <t>Aged care only</t>
  </si>
  <si>
    <t>NDIS only</t>
  </si>
  <si>
    <t>Veterans' care only</t>
  </si>
  <si>
    <t>NDIS and aged care</t>
  </si>
  <si>
    <t>Aged care and veterans' care</t>
  </si>
  <si>
    <t>NDIS and veterans' care</t>
  </si>
  <si>
    <t>All three</t>
  </si>
  <si>
    <t>Source: PC estimates using NDIS (2025a), DoHAC (unpublished data) and DVA (unpublished data).</t>
  </si>
  <si>
    <t>Figure 1.2 – Many aged care, NDIS and veterans' care providers operate across sectors</t>
  </si>
  <si>
    <t>Figure 1.2</t>
  </si>
  <si>
    <t>Note: Data for NDIS providers is for registered providers only. The large proportion of providers operating only in the NDIS reflects the relatively large number of registered providers in the scheme (approximately 22,000 compared to approximately 2100 in aged care and 370 in veterans’ care). ECEC providers have been excluded. Of ECEC providers, 96.6% operate only in ECEC, 1.7% operate across at least ECEC and NDIS, 2.5% operate across at least ECEC and aged care and 0.2% operate across at least ECEC and veterans’ care.</t>
  </si>
  <si>
    <t>Accessed Medicare for GP services in 2023-24</t>
  </si>
  <si>
    <t>Supported by the National Disability Insurance Scheme as of September 2025</t>
  </si>
  <si>
    <t>Source: AIHW (2025b); NACCHO (2025, p. 13); NDIA (2025c); SCRGSP (2025b, 2025a).</t>
  </si>
  <si>
    <t xml:space="preserve">Figure 3.1 </t>
  </si>
  <si>
    <t>The upward trend of care and care-related expenses continues</t>
  </si>
  <si>
    <t>Figure B.1</t>
  </si>
  <si>
    <t>Figure B.2</t>
  </si>
  <si>
    <t>Benefits to taxpayer from prevention and early intervention vary by policy area</t>
  </si>
  <si>
    <t>Discount rates have a substantial impact on estimates of taxpayer benefits</t>
  </si>
  <si>
    <t>1998-99</t>
  </si>
  <si>
    <t>1999-00</t>
  </si>
  <si>
    <t>2000-01</t>
  </si>
  <si>
    <t xml:space="preserve"> 2001-02</t>
  </si>
  <si>
    <t xml:space="preserve"> 2011-12</t>
  </si>
  <si>
    <t xml:space="preserve">Year </t>
  </si>
  <si>
    <t>Figure 3.1 – The upward trend of care and care-related expenses continues</t>
  </si>
  <si>
    <t xml:space="preserve">Real care and care-related expenses for all levels of government from 1998 to 2024 </t>
  </si>
  <si>
    <t>BCR more than 1 in year 20</t>
  </si>
  <si>
    <t>BCR less than 1 in year 20</t>
  </si>
  <si>
    <t xml:space="preserve">Care and care related expenses (Million dollars, 2023-24) </t>
  </si>
  <si>
    <t>Justice</t>
  </si>
  <si>
    <t>Health prevention/early intervention</t>
  </si>
  <si>
    <t>Mental health</t>
  </si>
  <si>
    <t>Child welfare</t>
  </si>
  <si>
    <t>Substance use disorders</t>
  </si>
  <si>
    <t>Category</t>
  </si>
  <si>
    <t>Benefit-cost ratio</t>
  </si>
  <si>
    <t>Program type</t>
  </si>
  <si>
    <t>Discount rate</t>
  </si>
  <si>
    <t>Years after investment</t>
  </si>
  <si>
    <t>Figure B.1 – Benefits to taxpayer from prevention and early intervention vary by policy area</t>
  </si>
  <si>
    <t>Benefit–cost ratio after ten years</t>
  </si>
  <si>
    <t>Source: PC estimates using Washington State Institute for Public Policy cost–benefit data (WSIPP 2024a).</t>
  </si>
  <si>
    <t>Figure B.2 – Discount rates have a substantial impact on estimates of taxpayer benefits</t>
  </si>
  <si>
    <t>Average benefit–cost ratio by discount rate over time</t>
  </si>
  <si>
    <t>https://www.pc.gov.au/inquiries-and-research/quality-care/</t>
  </si>
  <si>
    <r>
      <t xml:space="preserve">This Excel workbook contains data underlying charts in the Productivity Commission's report on </t>
    </r>
    <r>
      <rPr>
        <i/>
        <sz val="10"/>
        <color theme="1"/>
        <rFont val="Arial"/>
        <family val="2"/>
      </rPr>
      <t>Delivering quality care more efficiently</t>
    </r>
    <r>
      <rPr>
        <sz val="10"/>
        <color theme="1"/>
        <rFont val="Arial"/>
        <family val="2"/>
      </rPr>
      <t xml:space="preserve">. </t>
    </r>
  </si>
  <si>
    <t>Note: Care and care-related expenses include social protection and total health expenses. All levels of government is an ABS 
classification which includes expenses of Australian, state and territory, and local governments</t>
  </si>
  <si>
    <t>Source: PC estimates using Washington State Institute for Public Policy cost–benefit data (WSIPP 2024a).</t>
  </si>
  <si>
    <t>Source: PC estimates using ABS (2025b, 2025a).</t>
  </si>
  <si>
    <t>Note: Commonwealth of Australia (2023) data based on the Australian Bureau of Statistics’ Australian and New Zealand Industrial Classification for the Health Care and Social Assistance Division, which uses Gross Value Added (GVA) to represent total output.  Nominal wage growth is projected to converge to 3.7% per year and possible technological advancements 
are not reflected in the estimates (Commonwealth of Australia 2023, pp. 231, 248).</t>
  </si>
  <si>
    <t>Care economy as a percentage of GDP and the workforce</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4" formatCode="0.0%"/>
  </numFmts>
  <fonts count="9">
    <font>
      <sz val="10"/>
      <color theme="1"/>
      <name val="Arial"/>
      <family val="2"/>
    </font>
    <font>
      <b/>
      <sz val="10"/>
      <color theme="1"/>
      <name val="Arial"/>
      <family val="2"/>
    </font>
    <font>
      <b/>
      <sz val="12"/>
      <color theme="1"/>
      <name val="Arial"/>
      <family val="2"/>
    </font>
    <font>
      <i/>
      <sz val="10"/>
      <color theme="1"/>
      <name val="Arial"/>
      <family val="2"/>
    </font>
    <font>
      <u/>
      <sz val="10"/>
      <color theme="10"/>
      <name val="Arial"/>
      <family val="2"/>
    </font>
    <font>
      <sz val="10"/>
      <color theme="1"/>
      <name val="Arial"/>
      <family val="2"/>
    </font>
    <font>
      <sz val="9"/>
      <color rgb="FF000000"/>
      <name val="Arial (Body)"/>
    </font>
    <font>
      <b/>
      <sz val="9"/>
      <color rgb="FF265A9A"/>
      <name val="Arial (Body)"/>
    </font>
    <font>
      <b/>
      <sz val="9"/>
      <color theme="1"/>
      <name val="Arial"/>
      <family val="2"/>
    </font>
  </fonts>
  <fills count="4">
    <fill>
      <patternFill patternType="none"/>
    </fill>
    <fill>
      <patternFill patternType="gray125"/>
    </fill>
    <fill>
      <patternFill patternType="solid">
        <fgColor rgb="FFF2F2F2"/>
        <bgColor indexed="64"/>
      </patternFill>
    </fill>
    <fill>
      <patternFill patternType="solid">
        <fgColor theme="0"/>
        <bgColor indexed="64"/>
      </patternFill>
    </fill>
  </fills>
  <borders count="5">
    <border>
      <left/>
      <right/>
      <top/>
      <bottom/>
      <diagonal/>
    </border>
    <border>
      <left/>
      <right/>
      <top/>
      <bottom style="thin">
        <color rgb="FFB3B3B3"/>
      </bottom>
      <diagonal/>
    </border>
    <border>
      <left/>
      <right/>
      <top/>
      <bottom style="thin">
        <color indexed="64"/>
      </bottom>
      <diagonal/>
    </border>
    <border>
      <left/>
      <right/>
      <top style="thin">
        <color rgb="FFB3B3B3"/>
      </top>
      <bottom style="thin">
        <color rgb="FFB3B3B3"/>
      </bottom>
      <diagonal/>
    </border>
    <border>
      <left/>
      <right/>
      <top style="thin">
        <color rgb="FFB3B3B3"/>
      </top>
      <bottom/>
      <diagonal/>
    </border>
  </borders>
  <cellStyleXfs count="3">
    <xf numFmtId="0" fontId="0" fillId="0" borderId="0"/>
    <xf numFmtId="0" fontId="4" fillId="0" borderId="0" applyNumberFormat="0" applyFill="0" applyBorder="0" applyAlignment="0" applyProtection="0"/>
    <xf numFmtId="9" fontId="5" fillId="0" borderId="0" applyFont="0" applyFill="0" applyBorder="0" applyAlignment="0" applyProtection="0"/>
  </cellStyleXfs>
  <cellXfs count="32">
    <xf numFmtId="0" fontId="0" fillId="0" borderId="0" xfId="0"/>
    <xf numFmtId="0" fontId="1" fillId="0" borderId="0" xfId="0" applyFont="1"/>
    <xf numFmtId="0" fontId="2" fillId="0" borderId="0" xfId="0" applyFont="1"/>
    <xf numFmtId="0" fontId="7" fillId="0" borderId="0" xfId="0" applyFont="1" applyAlignment="1">
      <alignment horizontal="left" vertical="top"/>
    </xf>
    <xf numFmtId="0" fontId="7" fillId="2" borderId="1" xfId="0" applyFont="1" applyFill="1" applyBorder="1" applyAlignment="1">
      <alignment horizontal="left" vertical="top"/>
    </xf>
    <xf numFmtId="0" fontId="6" fillId="2" borderId="1" xfId="0" applyFont="1" applyFill="1" applyBorder="1" applyAlignment="1">
      <alignment horizontal="left" vertical="top"/>
    </xf>
    <xf numFmtId="0" fontId="7" fillId="2" borderId="0" xfId="0" applyFont="1" applyFill="1" applyAlignment="1">
      <alignment horizontal="left" vertical="top"/>
    </xf>
    <xf numFmtId="0" fontId="7" fillId="0" borderId="1" xfId="0" applyFont="1" applyBorder="1" applyAlignment="1">
      <alignment horizontal="left"/>
    </xf>
    <xf numFmtId="164" fontId="6" fillId="0" borderId="0" xfId="2" applyNumberFormat="1" applyFont="1" applyFill="1" applyBorder="1" applyAlignment="1">
      <alignment horizontal="left" vertical="top"/>
    </xf>
    <xf numFmtId="164" fontId="6" fillId="2" borderId="1" xfId="2" applyNumberFormat="1" applyFont="1" applyFill="1" applyBorder="1" applyAlignment="1">
      <alignment horizontal="left" vertical="top"/>
    </xf>
    <xf numFmtId="164" fontId="6" fillId="2" borderId="0" xfId="2" applyNumberFormat="1" applyFont="1" applyFill="1" applyBorder="1" applyAlignment="1">
      <alignment horizontal="left" vertical="top"/>
    </xf>
    <xf numFmtId="0" fontId="7" fillId="0" borderId="1" xfId="0" applyFont="1" applyBorder="1" applyAlignment="1">
      <alignment horizontal="left" wrapText="1"/>
    </xf>
    <xf numFmtId="0" fontId="6" fillId="0" borderId="0" xfId="0" applyFont="1" applyAlignment="1">
      <alignment horizontal="left" vertical="top"/>
    </xf>
    <xf numFmtId="0" fontId="6" fillId="2" borderId="0" xfId="0" applyFont="1" applyFill="1" applyAlignment="1">
      <alignment horizontal="left" vertical="top"/>
    </xf>
    <xf numFmtId="3" fontId="6" fillId="0" borderId="0" xfId="0" applyNumberFormat="1" applyFont="1" applyAlignment="1">
      <alignment horizontal="left" vertical="top"/>
    </xf>
    <xf numFmtId="3" fontId="6" fillId="2" borderId="1" xfId="0" applyNumberFormat="1" applyFont="1" applyFill="1" applyBorder="1" applyAlignment="1">
      <alignment horizontal="left" vertical="top"/>
    </xf>
    <xf numFmtId="3" fontId="6" fillId="2" borderId="0" xfId="0" applyNumberFormat="1" applyFont="1" applyFill="1" applyAlignment="1">
      <alignment horizontal="left" vertical="top"/>
    </xf>
    <xf numFmtId="0" fontId="8" fillId="0" borderId="0" xfId="0" applyFont="1" applyAlignment="1">
      <alignment vertical="center"/>
    </xf>
    <xf numFmtId="0" fontId="0" fillId="3" borderId="0" xfId="0" applyFill="1"/>
    <xf numFmtId="0" fontId="4" fillId="0" borderId="0" xfId="1"/>
    <xf numFmtId="0" fontId="7" fillId="0" borderId="1" xfId="0" applyFont="1" applyBorder="1" applyAlignment="1">
      <alignment horizontal="left" vertical="top"/>
    </xf>
    <xf numFmtId="0" fontId="0" fillId="0" borderId="0" xfId="0" applyAlignment="1">
      <alignment horizontal="left" vertical="top" wrapText="1"/>
    </xf>
    <xf numFmtId="2" fontId="6" fillId="2" borderId="0" xfId="0" applyNumberFormat="1" applyFont="1" applyFill="1" applyAlignment="1">
      <alignment horizontal="left" vertical="top"/>
    </xf>
    <xf numFmtId="0" fontId="0" fillId="0" borderId="4" xfId="0" applyBorder="1"/>
    <xf numFmtId="0" fontId="7" fillId="0" borderId="3" xfId="0" applyFont="1" applyBorder="1" applyAlignment="1">
      <alignment horizontal="left"/>
    </xf>
    <xf numFmtId="0" fontId="0" fillId="0" borderId="3" xfId="0" applyBorder="1"/>
    <xf numFmtId="0" fontId="7" fillId="2" borderId="2" xfId="0" applyFont="1" applyFill="1" applyBorder="1" applyAlignment="1">
      <alignment horizontal="left" vertical="top"/>
    </xf>
    <xf numFmtId="2" fontId="6" fillId="2" borderId="2" xfId="0" applyNumberFormat="1" applyFont="1" applyFill="1" applyBorder="1" applyAlignment="1">
      <alignment horizontal="left" vertical="top"/>
    </xf>
    <xf numFmtId="0" fontId="4" fillId="0" borderId="0" xfId="1" applyFill="1"/>
    <xf numFmtId="0" fontId="0" fillId="0" borderId="0" xfId="0" applyAlignment="1">
      <alignment vertical="center"/>
    </xf>
    <xf numFmtId="2" fontId="6" fillId="0" borderId="0" xfId="0" applyNumberFormat="1" applyFont="1" applyAlignment="1">
      <alignment horizontal="left" vertical="top"/>
    </xf>
    <xf numFmtId="2" fontId="6" fillId="0" borderId="1" xfId="0" applyNumberFormat="1" applyFont="1" applyBorder="1" applyAlignment="1">
      <alignment horizontal="left" vertical="top"/>
    </xf>
  </cellXfs>
  <cellStyles count="3">
    <cellStyle name="Hyperlink" xfId="1" builtinId="8"/>
    <cellStyle name="Normal" xfId="0" builtinId="0"/>
    <cellStyle name="Percent" xfId="2" builtinId="5"/>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customXml" Target="../customXml/item2.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customXml" Target="../customXml/item1.xml"/><Relationship Id="rId2" Type="http://schemas.openxmlformats.org/officeDocument/2006/relationships/worksheet" Target="worksheets/sheet2.xml"/><Relationship Id="rId16" Type="http://schemas.openxmlformats.org/officeDocument/2006/relationships/customXml" Target="../customXml/item5.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haredStrings" Target="sharedStrings.xml"/><Relationship Id="rId5" Type="http://schemas.openxmlformats.org/officeDocument/2006/relationships/worksheet" Target="worksheets/sheet5.xml"/><Relationship Id="rId15" Type="http://schemas.openxmlformats.org/officeDocument/2006/relationships/customXml" Target="../customXml/item4.xml"/><Relationship Id="rId10" Type="http://schemas.openxmlformats.org/officeDocument/2006/relationships/styles" Target="styles.xml"/><Relationship Id="rId4" Type="http://schemas.openxmlformats.org/officeDocument/2006/relationships/worksheet" Target="worksheets/sheet4.xml"/><Relationship Id="rId9" Type="http://schemas.openxmlformats.org/officeDocument/2006/relationships/theme" Target="theme/theme1.xml"/><Relationship Id="rId14" Type="http://schemas.openxmlformats.org/officeDocument/2006/relationships/customXml" Target="../customXml/item3.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xdr:from>
      <xdr:col>0</xdr:col>
      <xdr:colOff>104775</xdr:colOff>
      <xdr:row>0</xdr:row>
      <xdr:rowOff>161925</xdr:rowOff>
    </xdr:from>
    <xdr:to>
      <xdr:col>2</xdr:col>
      <xdr:colOff>397386</xdr:colOff>
      <xdr:row>0</xdr:row>
      <xdr:rowOff>527686</xdr:rowOff>
    </xdr:to>
    <xdr:pic>
      <xdr:nvPicPr>
        <xdr:cNvPr id="4" name="Picture 3" descr="Australian Government Productivity Commssion logo">
          <a:extLst>
            <a:ext uri="{FF2B5EF4-FFF2-40B4-BE49-F238E27FC236}">
              <a16:creationId xmlns:a16="http://schemas.microsoft.com/office/drawing/2014/main" id="{F61E1EB3-77B5-46D9-B219-2DC349D2A184}"/>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104775" y="161925"/>
          <a:ext cx="1511811" cy="365761"/>
        </a:xfrm>
        <a:prstGeom prst="rect">
          <a:avLst/>
        </a:prstGeom>
      </xdr:spPr>
    </xdr:pic>
    <xdr:clientData/>
  </xdr:twoCellAnchor>
</xdr:wsDr>
</file>

<file path=xl/theme/theme1.xml><?xml version="1.0" encoding="utf-8"?>
<a:theme xmlns:a="http://schemas.openxmlformats.org/drawingml/2006/main" name="ProdCommTheme-new">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threadedComments/threadedComment1.xml><?xml version="1.0" encoding="utf-8"?>
<ThreadedComments xmlns="http://schemas.microsoft.com/office/spreadsheetml/2018/threadedcomments" xmlns:x="http://schemas.openxmlformats.org/spreadsheetml/2006/main">
  <threadedComment ref="B4" dT="2025-12-04T00:43:39.48" personId="{00000000-0000-0000-0000-000000000000}" id="{D7BCB13C-1399-4DB8-BB04-0A4F37687DEE}">
    <text xml:space="preserve">If the figure is billions should this also be billions or is this ok? [Mention was removed] </text>
  </threadedComment>
  <threadedComment ref="B4" dT="2025-12-04T00:56:22.56" personId="{00000000-0000-0000-0000-000000000000}" id="{5008318C-EBC1-4712-8C0D-81A6B4F86C7B}" parentId="{D7BCB13C-1399-4DB8-BB04-0A4F37687DEE}">
    <text>Change to billions if that is what is in the figure</text>
  </threadedComment>
</ThreadedComments>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printerSettings" Target="../printerSettings/printerSettings1.bin"/><Relationship Id="rId1" Type="http://schemas.openxmlformats.org/officeDocument/2006/relationships/hyperlink" Target="https://www.pc.gov.au/inquiries-and-research/quality-care/" TargetMode="Externa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6.xml.rels><?xml version="1.0" encoding="UTF-8" standalone="yes"?>
<Relationships xmlns="http://schemas.openxmlformats.org/package/2006/relationships"><Relationship Id="rId3" Type="http://schemas.microsoft.com/office/2017/10/relationships/threadedComment" Target="../threadedComments/threadedComment1.xml"/><Relationship Id="rId2" Type="http://schemas.openxmlformats.org/officeDocument/2006/relationships/comments" Target="../comments1.xml"/><Relationship Id="rId1" Type="http://schemas.openxmlformats.org/officeDocument/2006/relationships/vmlDrawing" Target="../drawings/vmlDrawing1.v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tabColor theme="2"/>
  </sheetPr>
  <dimension ref="A1:D8"/>
  <sheetViews>
    <sheetView showGridLines="0" tabSelected="1" workbookViewId="0">
      <selection activeCell="A2" sqref="A2"/>
    </sheetView>
  </sheetViews>
  <sheetFormatPr defaultColWidth="9.1796875" defaultRowHeight="12.5"/>
  <sheetData>
    <row r="1" spans="1:4" ht="54.75" customHeight="1"/>
    <row r="2" spans="1:4" ht="15.5">
      <c r="A2" s="2" t="s">
        <v>0</v>
      </c>
    </row>
    <row r="3" spans="1:4" ht="15.5">
      <c r="A3" s="2"/>
    </row>
    <row r="4" spans="1:4" ht="13">
      <c r="A4" t="s">
        <v>135</v>
      </c>
    </row>
    <row r="6" spans="1:4" ht="13">
      <c r="A6" t="s">
        <v>1</v>
      </c>
    </row>
    <row r="8" spans="1:4">
      <c r="A8" t="s">
        <v>2</v>
      </c>
      <c r="D8" s="28" t="s">
        <v>134</v>
      </c>
    </row>
  </sheetData>
  <hyperlinks>
    <hyperlink ref="D8" r:id="rId1" xr:uid="{3CC2A0C0-EE1B-4490-9FB9-9C87EDED05A3}"/>
  </hyperlinks>
  <pageMargins left="0.7" right="0.7" top="0.75" bottom="0.75" header="0.3" footer="0.3"/>
  <pageSetup paperSize="9" orientation="portrait" r:id="rId2"/>
  <headerFooter>
    <oddHeader>&amp;C&amp;"Calibri"&amp;12&amp;K000000  OFFICIAL&amp;1#_x000D_</oddHeader>
  </headerFooter>
  <drawing r:id="rId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03277C-7EA0-4C9D-B7FB-0186E4D75225}">
  <sheetPr>
    <tabColor theme="2" tint="0.79998168889431442"/>
  </sheetPr>
  <dimension ref="A1:B9"/>
  <sheetViews>
    <sheetView showGridLines="0" workbookViewId="0">
      <selection activeCell="G10" sqref="G10"/>
    </sheetView>
  </sheetViews>
  <sheetFormatPr defaultRowHeight="12.5"/>
  <cols>
    <col min="1" max="1" width="15.81640625" customWidth="1"/>
    <col min="2" max="2" width="63.08984375" customWidth="1"/>
  </cols>
  <sheetData>
    <row r="1" spans="1:2" ht="13">
      <c r="A1" s="1" t="s">
        <v>3</v>
      </c>
      <c r="B1" s="18"/>
    </row>
    <row r="3" spans="1:2" ht="13">
      <c r="A3" s="1" t="s">
        <v>4</v>
      </c>
      <c r="B3" s="1" t="s">
        <v>5</v>
      </c>
    </row>
    <row r="4" spans="1:2">
      <c r="A4" s="19" t="s">
        <v>6</v>
      </c>
      <c r="B4" t="s">
        <v>7</v>
      </c>
    </row>
    <row r="5" spans="1:2">
      <c r="A5" s="19" t="s">
        <v>8</v>
      </c>
      <c r="B5" t="s">
        <v>9</v>
      </c>
    </row>
    <row r="6" spans="1:2">
      <c r="A6" s="19" t="s">
        <v>97</v>
      </c>
      <c r="B6" t="s">
        <v>10</v>
      </c>
    </row>
    <row r="7" spans="1:2">
      <c r="A7" s="19" t="s">
        <v>102</v>
      </c>
      <c r="B7" t="s">
        <v>103</v>
      </c>
    </row>
    <row r="8" spans="1:2">
      <c r="A8" s="19" t="s">
        <v>104</v>
      </c>
      <c r="B8" t="s">
        <v>106</v>
      </c>
    </row>
    <row r="9" spans="1:2">
      <c r="A9" s="19" t="s">
        <v>105</v>
      </c>
      <c r="B9" t="s">
        <v>107</v>
      </c>
    </row>
  </sheetData>
  <hyperlinks>
    <hyperlink ref="A5" location="'Figure 2'!A1" display="Figure 2" xr:uid="{03E4D889-76F3-495A-BDEA-D5AC190259E9}"/>
    <hyperlink ref="A4" location="'Figure 1'!A1" display="Figure 1" xr:uid="{766BDB49-EC28-4609-9CF7-296DD51F717F}"/>
    <hyperlink ref="A6" location="'Figure 1.2'!A1" display="Figure 1.2" xr:uid="{A7D42499-A4A9-4A0E-8D0B-B3FB8E16F239}"/>
    <hyperlink ref="A8" location="'Figure B.1'!A1" display="Figure B.1" xr:uid="{45E2B3CD-4501-4896-B31C-3075F3B30093}"/>
    <hyperlink ref="A9" location="'Figure B.2'!A1" display="Figure B.2" xr:uid="{F25D06BA-79CE-4598-9429-5B525205C15B}"/>
    <hyperlink ref="A7" location="'Figure 3.1'!A1" display="Figure 3.1 " xr:uid="{88FF8181-1901-443F-BD0A-F11E6B55AAD0}"/>
  </hyperlinks>
  <pageMargins left="0.7" right="0.7" top="0.75" bottom="0.75" header="0.3" footer="0.3"/>
  <pageSetup paperSize="9" orientation="portrait" r:id="rId1"/>
  <headerFooter>
    <oddHeader>&amp;C&amp;"Calibri"&amp;12&amp;K000000  OFFICIAL&amp;1#_x000D_</oddHeader>
  </headerFooter>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B10"/>
  <sheetViews>
    <sheetView workbookViewId="0">
      <selection activeCell="A24" sqref="A24"/>
    </sheetView>
  </sheetViews>
  <sheetFormatPr defaultRowHeight="12.5"/>
  <cols>
    <col min="1" max="1" width="77.1796875" bestFit="1" customWidth="1"/>
    <col min="2" max="2" width="10.1796875" bestFit="1" customWidth="1"/>
  </cols>
  <sheetData>
    <row r="1" spans="1:2" ht="13">
      <c r="A1" s="1" t="s">
        <v>11</v>
      </c>
    </row>
    <row r="3" spans="1:2">
      <c r="A3" s="7"/>
      <c r="B3" s="7" t="s">
        <v>12</v>
      </c>
    </row>
    <row r="4" spans="1:2">
      <c r="A4" s="6" t="s">
        <v>99</v>
      </c>
      <c r="B4" s="16">
        <v>22500000</v>
      </c>
    </row>
    <row r="5" spans="1:2">
      <c r="A5" s="3" t="s">
        <v>13</v>
      </c>
      <c r="B5" s="14">
        <v>410000</v>
      </c>
    </row>
    <row r="6" spans="1:2">
      <c r="A6" s="6" t="s">
        <v>14</v>
      </c>
      <c r="B6" s="16">
        <v>835000</v>
      </c>
    </row>
    <row r="7" spans="1:2">
      <c r="A7" s="3" t="s">
        <v>100</v>
      </c>
      <c r="B7" s="14">
        <v>750000</v>
      </c>
    </row>
    <row r="8" spans="1:2">
      <c r="A8" s="4" t="s">
        <v>15</v>
      </c>
      <c r="B8" s="15">
        <v>1400000</v>
      </c>
    </row>
    <row r="10" spans="1:2">
      <c r="A10" t="s">
        <v>101</v>
      </c>
    </row>
  </sheetData>
  <pageMargins left="0.7" right="0.7" top="0.75" bottom="0.75" header="0.3" footer="0.3"/>
  <pageSetup paperSize="9" orientation="portrait" r:id="rId1"/>
  <headerFooter>
    <oddHeader>&amp;C&amp;"Calibri"&amp;12&amp;K000000  OFFICIAL&amp;1#_x000D_</oddHeader>
  </headerFooter>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E70"/>
  <sheetViews>
    <sheetView workbookViewId="0">
      <selection activeCell="F10" sqref="F10"/>
    </sheetView>
  </sheetViews>
  <sheetFormatPr defaultRowHeight="12.5"/>
  <cols>
    <col min="1" max="1" width="18.81640625" customWidth="1"/>
    <col min="2" max="5" width="14.54296875" customWidth="1"/>
  </cols>
  <sheetData>
    <row r="1" spans="1:5" ht="13">
      <c r="A1" s="1" t="s">
        <v>16</v>
      </c>
    </row>
    <row r="2" spans="1:5">
      <c r="A2" t="s">
        <v>140</v>
      </c>
    </row>
    <row r="4" spans="1:5" ht="34.5">
      <c r="A4" s="7" t="s">
        <v>17</v>
      </c>
      <c r="B4" s="11" t="s">
        <v>18</v>
      </c>
      <c r="C4" s="11" t="s">
        <v>19</v>
      </c>
      <c r="D4" s="11" t="s">
        <v>20</v>
      </c>
      <c r="E4" s="11" t="s">
        <v>21</v>
      </c>
    </row>
    <row r="5" spans="1:5">
      <c r="A5" s="6" t="s">
        <v>22</v>
      </c>
      <c r="B5" s="10">
        <v>5.9000000000000004E-2</v>
      </c>
      <c r="C5" s="10">
        <v>7.2303099958496958E-2</v>
      </c>
      <c r="D5" s="10"/>
      <c r="E5" s="10"/>
    </row>
    <row r="6" spans="1:5">
      <c r="A6" s="3" t="s">
        <v>23</v>
      </c>
      <c r="B6" s="8">
        <v>0.06</v>
      </c>
      <c r="C6" s="8">
        <v>7.5067767861388968E-2</v>
      </c>
      <c r="D6" s="8"/>
      <c r="E6" s="8"/>
    </row>
    <row r="7" spans="1:5">
      <c r="A7" s="6" t="s">
        <v>24</v>
      </c>
      <c r="B7" s="10">
        <v>5.9000000000000004E-2</v>
      </c>
      <c r="C7" s="10">
        <v>7.541176652876555E-2</v>
      </c>
      <c r="D7" s="10"/>
      <c r="E7" s="10"/>
    </row>
    <row r="8" spans="1:5">
      <c r="A8" s="3" t="s">
        <v>25</v>
      </c>
      <c r="B8" s="8">
        <v>5.9000000000000004E-2</v>
      </c>
      <c r="C8" s="8">
        <v>8.0052940064284359E-2</v>
      </c>
      <c r="D8" s="8"/>
      <c r="E8" s="8"/>
    </row>
    <row r="9" spans="1:5">
      <c r="A9" s="6" t="s">
        <v>26</v>
      </c>
      <c r="B9" s="10">
        <v>5.9000000000000004E-2</v>
      </c>
      <c r="C9" s="10">
        <v>7.942307692307693E-2</v>
      </c>
      <c r="D9" s="10"/>
      <c r="E9" s="10"/>
    </row>
    <row r="10" spans="1:5">
      <c r="A10" s="3" t="s">
        <v>27</v>
      </c>
      <c r="B10" s="8">
        <v>6.2E-2</v>
      </c>
      <c r="C10" s="8">
        <v>7.9279903063873988E-2</v>
      </c>
      <c r="D10" s="8"/>
      <c r="E10" s="8"/>
    </row>
    <row r="11" spans="1:5">
      <c r="A11" s="6" t="s">
        <v>28</v>
      </c>
      <c r="B11" s="10">
        <v>6.0999999999999999E-2</v>
      </c>
      <c r="C11" s="10">
        <v>8.3723220881556273E-2</v>
      </c>
      <c r="D11" s="10"/>
      <c r="E11" s="10"/>
    </row>
    <row r="12" spans="1:5">
      <c r="A12" s="3" t="s">
        <v>29</v>
      </c>
      <c r="B12" s="8">
        <v>6.6000000000000003E-2</v>
      </c>
      <c r="C12" s="8">
        <v>8.4307027328499734E-2</v>
      </c>
      <c r="D12" s="8"/>
      <c r="E12" s="8"/>
    </row>
    <row r="13" spans="1:5">
      <c r="A13" s="6" t="s">
        <v>30</v>
      </c>
      <c r="B13" s="10">
        <v>6.7000000000000004E-2</v>
      </c>
      <c r="C13" s="10">
        <v>8.6660048608496215E-2</v>
      </c>
      <c r="D13" s="10"/>
      <c r="E13" s="10"/>
    </row>
    <row r="14" spans="1:5">
      <c r="A14" s="3" t="s">
        <v>31</v>
      </c>
      <c r="B14" s="8">
        <v>6.6000000000000003E-2</v>
      </c>
      <c r="C14" s="8">
        <v>8.9792283665360142E-2</v>
      </c>
      <c r="D14" s="8"/>
      <c r="E14" s="8"/>
    </row>
    <row r="15" spans="1:5">
      <c r="A15" s="6" t="s">
        <v>32</v>
      </c>
      <c r="B15" s="10">
        <v>6.8000000000000005E-2</v>
      </c>
      <c r="C15" s="10">
        <v>9.1214980615902289E-2</v>
      </c>
      <c r="D15" s="10"/>
      <c r="E15" s="10"/>
    </row>
    <row r="16" spans="1:5">
      <c r="A16" s="3" t="s">
        <v>33</v>
      </c>
      <c r="B16" s="8">
        <v>6.9000000000000006E-2</v>
      </c>
      <c r="C16" s="8">
        <v>9.0992798184747953E-2</v>
      </c>
      <c r="D16" s="8"/>
      <c r="E16" s="8"/>
    </row>
    <row r="17" spans="1:5">
      <c r="A17" s="6" t="s">
        <v>34</v>
      </c>
      <c r="B17" s="10">
        <v>7.2999999999999995E-2</v>
      </c>
      <c r="C17" s="10">
        <v>9.5815177923021064E-2</v>
      </c>
      <c r="D17" s="10"/>
      <c r="E17" s="10"/>
    </row>
    <row r="18" spans="1:5">
      <c r="A18" s="3" t="s">
        <v>35</v>
      </c>
      <c r="B18" s="8">
        <v>7.400000000000001E-2</v>
      </c>
      <c r="C18" s="8">
        <v>9.9370326643053938E-2</v>
      </c>
      <c r="D18" s="8"/>
      <c r="E18" s="8"/>
    </row>
    <row r="19" spans="1:5">
      <c r="A19" s="6" t="s">
        <v>36</v>
      </c>
      <c r="B19" s="10">
        <v>7.400000000000001E-2</v>
      </c>
      <c r="C19" s="10">
        <v>0.10217178560674496</v>
      </c>
      <c r="D19" s="10"/>
      <c r="E19" s="10"/>
    </row>
    <row r="20" spans="1:5">
      <c r="A20" s="3" t="s">
        <v>37</v>
      </c>
      <c r="B20" s="8">
        <v>7.4999999999999997E-2</v>
      </c>
      <c r="C20" s="8">
        <v>0.10189923664122137</v>
      </c>
      <c r="D20" s="8"/>
      <c r="E20" s="8"/>
    </row>
    <row r="21" spans="1:5">
      <c r="A21" s="6" t="s">
        <v>38</v>
      </c>
      <c r="B21" s="10">
        <v>7.6999999999999999E-2</v>
      </c>
      <c r="C21" s="10">
        <v>0.10060100709296659</v>
      </c>
      <c r="D21" s="10"/>
      <c r="E21" s="10"/>
    </row>
    <row r="22" spans="1:5">
      <c r="A22" s="3" t="s">
        <v>39</v>
      </c>
      <c r="B22" s="8">
        <v>7.8E-2</v>
      </c>
      <c r="C22" s="8">
        <v>0.102351289282357</v>
      </c>
      <c r="D22" s="8"/>
      <c r="E22" s="8"/>
    </row>
    <row r="23" spans="1:5">
      <c r="A23" s="6" t="s">
        <v>40</v>
      </c>
      <c r="B23" s="10">
        <v>8.1000000000000003E-2</v>
      </c>
      <c r="C23" s="10">
        <v>0.10855912859389971</v>
      </c>
      <c r="D23" s="10"/>
      <c r="E23" s="10"/>
    </row>
    <row r="24" spans="1:5">
      <c r="A24" s="3" t="s">
        <v>41</v>
      </c>
      <c r="B24" s="8">
        <v>8.1000000000000003E-2</v>
      </c>
      <c r="C24" s="8">
        <v>0.11816433566433567</v>
      </c>
      <c r="D24" s="8"/>
      <c r="E24" s="8"/>
    </row>
    <row r="25" spans="1:5">
      <c r="A25" s="6" t="s">
        <v>42</v>
      </c>
      <c r="B25" s="10">
        <v>8.1000000000000003E-2</v>
      </c>
      <c r="C25" s="10">
        <v>0.12214289761459575</v>
      </c>
      <c r="D25" s="10">
        <v>8.1000000000000003E-2</v>
      </c>
      <c r="E25" s="10">
        <v>0.12214289761459575</v>
      </c>
    </row>
    <row r="26" spans="1:5">
      <c r="A26" s="3" t="s">
        <v>43</v>
      </c>
      <c r="B26" s="8"/>
      <c r="C26" s="8"/>
      <c r="D26" s="8">
        <v>8.4000000000000005E-2</v>
      </c>
      <c r="E26" s="8">
        <v>0.12522869254796964</v>
      </c>
    </row>
    <row r="27" spans="1:5">
      <c r="A27" s="6" t="s">
        <v>44</v>
      </c>
      <c r="B27" s="10"/>
      <c r="C27" s="10"/>
      <c r="D27" s="10">
        <v>8.5999999999999993E-2</v>
      </c>
      <c r="E27" s="10">
        <v>0.12670077403135818</v>
      </c>
    </row>
    <row r="28" spans="1:5">
      <c r="A28" s="3" t="s">
        <v>45</v>
      </c>
      <c r="B28" s="8"/>
      <c r="C28" s="8"/>
      <c r="D28" s="8">
        <v>9.0999999999999998E-2</v>
      </c>
      <c r="E28" s="8">
        <v>0.13148271095680192</v>
      </c>
    </row>
    <row r="29" spans="1:5">
      <c r="A29" s="6" t="s">
        <v>46</v>
      </c>
      <c r="B29" s="10"/>
      <c r="C29" s="10"/>
      <c r="D29" s="10">
        <v>0.09</v>
      </c>
      <c r="E29" s="10">
        <v>0.12807203616807011</v>
      </c>
    </row>
    <row r="30" spans="1:5">
      <c r="A30" s="3" t="s">
        <v>47</v>
      </c>
      <c r="B30" s="8"/>
      <c r="C30" s="8"/>
      <c r="D30" s="8">
        <v>9.1999999999999998E-2</v>
      </c>
      <c r="E30" s="8">
        <v>0.12871569518095197</v>
      </c>
    </row>
    <row r="31" spans="1:5">
      <c r="A31" s="6" t="s">
        <v>48</v>
      </c>
      <c r="B31" s="10"/>
      <c r="C31" s="10"/>
      <c r="D31" s="10">
        <v>9.1999999999999998E-2</v>
      </c>
      <c r="E31" s="10">
        <v>0.12861309442917029</v>
      </c>
    </row>
    <row r="32" spans="1:5">
      <c r="A32" s="3" t="s">
        <v>49</v>
      </c>
      <c r="B32" s="8"/>
      <c r="C32" s="8"/>
      <c r="D32" s="8">
        <v>9.4E-2</v>
      </c>
      <c r="E32" s="8">
        <v>0.12831630285720177</v>
      </c>
    </row>
    <row r="33" spans="1:5">
      <c r="A33" s="6" t="s">
        <v>50</v>
      </c>
      <c r="B33" s="10"/>
      <c r="C33" s="10"/>
      <c r="D33" s="10">
        <v>9.5000000000000001E-2</v>
      </c>
      <c r="E33" s="10">
        <v>0.12821609947177273</v>
      </c>
    </row>
    <row r="34" spans="1:5">
      <c r="A34" s="3" t="s">
        <v>51</v>
      </c>
      <c r="B34" s="8"/>
      <c r="C34" s="8"/>
      <c r="D34" s="8">
        <v>9.6000000000000002E-2</v>
      </c>
      <c r="E34" s="8">
        <v>0.12799995979111486</v>
      </c>
    </row>
    <row r="35" spans="1:5">
      <c r="A35" s="6" t="s">
        <v>52</v>
      </c>
      <c r="B35" s="10"/>
      <c r="C35" s="10"/>
      <c r="D35" s="10">
        <v>9.6999999999999989E-2</v>
      </c>
      <c r="E35" s="10">
        <v>0.12828448963317385</v>
      </c>
    </row>
    <row r="36" spans="1:5">
      <c r="A36" s="3" t="s">
        <v>53</v>
      </c>
      <c r="B36" s="8"/>
      <c r="C36" s="8"/>
      <c r="D36" s="8">
        <v>9.8000000000000004E-2</v>
      </c>
      <c r="E36" s="8">
        <v>0.12801062573789845</v>
      </c>
    </row>
    <row r="37" spans="1:5">
      <c r="A37" s="6" t="s">
        <v>54</v>
      </c>
      <c r="B37" s="10"/>
      <c r="C37" s="10"/>
      <c r="D37" s="10">
        <v>9.9000000000000005E-2</v>
      </c>
      <c r="E37" s="10">
        <v>0.1283445386339277</v>
      </c>
    </row>
    <row r="38" spans="1:5">
      <c r="A38" s="3" t="s">
        <v>55</v>
      </c>
      <c r="B38" s="8"/>
      <c r="C38" s="8"/>
      <c r="D38" s="8">
        <v>0.1</v>
      </c>
      <c r="E38" s="8">
        <v>0.12869908712093842</v>
      </c>
    </row>
    <row r="39" spans="1:5">
      <c r="A39" s="6" t="s">
        <v>56</v>
      </c>
      <c r="B39" s="10"/>
      <c r="C39" s="10"/>
      <c r="D39" s="10">
        <v>0.10199999999999999</v>
      </c>
      <c r="E39" s="10">
        <v>0.12929825063704298</v>
      </c>
    </row>
    <row r="40" spans="1:5">
      <c r="A40" s="3" t="s">
        <v>57</v>
      </c>
      <c r="B40" s="8"/>
      <c r="C40" s="8"/>
      <c r="D40" s="8">
        <v>0.10300000000000001</v>
      </c>
      <c r="E40" s="8">
        <v>0.12960536857086305</v>
      </c>
    </row>
    <row r="41" spans="1:5">
      <c r="A41" s="6" t="s">
        <v>58</v>
      </c>
      <c r="B41" s="10"/>
      <c r="C41" s="10"/>
      <c r="D41" s="10">
        <v>0.105</v>
      </c>
      <c r="E41" s="10">
        <v>0.13023290506647772</v>
      </c>
    </row>
    <row r="42" spans="1:5">
      <c r="A42" s="3" t="s">
        <v>59</v>
      </c>
      <c r="B42" s="8"/>
      <c r="C42" s="8"/>
      <c r="D42" s="8">
        <v>0.107</v>
      </c>
      <c r="E42" s="8">
        <v>0.13117487828087326</v>
      </c>
    </row>
    <row r="43" spans="1:5">
      <c r="A43" s="6" t="s">
        <v>60</v>
      </c>
      <c r="B43" s="10"/>
      <c r="C43" s="10"/>
      <c r="D43" s="10">
        <v>0.109</v>
      </c>
      <c r="E43" s="10">
        <v>0.13192675958633407</v>
      </c>
    </row>
    <row r="44" spans="1:5">
      <c r="A44" s="3" t="s">
        <v>61</v>
      </c>
      <c r="B44" s="8"/>
      <c r="C44" s="8"/>
      <c r="D44" s="8">
        <v>0.111</v>
      </c>
      <c r="E44" s="8">
        <v>0.13338950496484744</v>
      </c>
    </row>
    <row r="45" spans="1:5">
      <c r="A45" s="6" t="s">
        <v>62</v>
      </c>
      <c r="B45" s="10"/>
      <c r="C45" s="10"/>
      <c r="D45" s="10">
        <v>0.113</v>
      </c>
      <c r="E45" s="10">
        <v>0.13482217822137813</v>
      </c>
    </row>
    <row r="46" spans="1:5">
      <c r="A46" s="3" t="s">
        <v>63</v>
      </c>
      <c r="B46" s="8"/>
      <c r="C46" s="8"/>
      <c r="D46" s="8">
        <v>0.115</v>
      </c>
      <c r="E46" s="8">
        <v>0.13601004654960483</v>
      </c>
    </row>
    <row r="47" spans="1:5">
      <c r="A47" s="6" t="s">
        <v>64</v>
      </c>
      <c r="B47" s="10"/>
      <c r="C47" s="10"/>
      <c r="D47" s="10">
        <v>0.11800000000000001</v>
      </c>
      <c r="E47" s="10">
        <v>0.13780311574792051</v>
      </c>
    </row>
    <row r="48" spans="1:5">
      <c r="A48" s="3" t="s">
        <v>65</v>
      </c>
      <c r="B48" s="8"/>
      <c r="C48" s="8"/>
      <c r="D48" s="8">
        <v>0.12</v>
      </c>
      <c r="E48" s="8">
        <v>0.1390940766550523</v>
      </c>
    </row>
    <row r="49" spans="1:5">
      <c r="A49" s="6" t="s">
        <v>66</v>
      </c>
      <c r="B49" s="10"/>
      <c r="C49" s="10"/>
      <c r="D49" s="10">
        <v>0.122</v>
      </c>
      <c r="E49" s="10">
        <v>0.14096836277923144</v>
      </c>
    </row>
    <row r="50" spans="1:5">
      <c r="A50" s="3" t="s">
        <v>67</v>
      </c>
      <c r="B50" s="8"/>
      <c r="C50" s="8"/>
      <c r="D50" s="8">
        <v>0.125</v>
      </c>
      <c r="E50" s="8">
        <v>0.14259370443434258</v>
      </c>
    </row>
    <row r="51" spans="1:5">
      <c r="A51" s="6" t="s">
        <v>68</v>
      </c>
      <c r="B51" s="10"/>
      <c r="C51" s="10"/>
      <c r="D51" s="10">
        <v>0.127</v>
      </c>
      <c r="E51" s="10">
        <v>0.14404519198097179</v>
      </c>
    </row>
    <row r="52" spans="1:5">
      <c r="A52" s="3" t="s">
        <v>69</v>
      </c>
      <c r="B52" s="8"/>
      <c r="C52" s="8"/>
      <c r="D52" s="8">
        <v>0.13</v>
      </c>
      <c r="E52" s="8">
        <v>0.14581988617906758</v>
      </c>
    </row>
    <row r="53" spans="1:5">
      <c r="A53" s="6" t="s">
        <v>70</v>
      </c>
      <c r="B53" s="10"/>
      <c r="C53" s="10"/>
      <c r="D53" s="10">
        <v>0.13200000000000001</v>
      </c>
      <c r="E53" s="10">
        <v>0.14767508129672466</v>
      </c>
    </row>
    <row r="54" spans="1:5">
      <c r="A54" s="3" t="s">
        <v>71</v>
      </c>
      <c r="B54" s="8"/>
      <c r="C54" s="8"/>
      <c r="D54" s="8">
        <v>0.13500000000000001</v>
      </c>
      <c r="E54" s="8">
        <v>0.14907211358824266</v>
      </c>
    </row>
    <row r="55" spans="1:5">
      <c r="A55" s="6" t="s">
        <v>72</v>
      </c>
      <c r="B55" s="10"/>
      <c r="C55" s="10"/>
      <c r="D55" s="10">
        <v>0.13699999999999998</v>
      </c>
      <c r="E55" s="10">
        <v>0.1508847184986595</v>
      </c>
    </row>
    <row r="56" spans="1:5">
      <c r="A56" s="3" t="s">
        <v>73</v>
      </c>
      <c r="B56" s="8"/>
      <c r="C56" s="8"/>
      <c r="D56" s="8">
        <v>0.14000000000000001</v>
      </c>
      <c r="E56" s="8">
        <v>0.15280464216634429</v>
      </c>
    </row>
    <row r="57" spans="1:5">
      <c r="A57" s="6" t="s">
        <v>74</v>
      </c>
      <c r="B57" s="10"/>
      <c r="C57" s="10"/>
      <c r="D57" s="10">
        <v>0.14300000000000002</v>
      </c>
      <c r="E57" s="10">
        <v>0.15476074139222776</v>
      </c>
    </row>
    <row r="58" spans="1:5">
      <c r="A58" s="3" t="s">
        <v>75</v>
      </c>
      <c r="B58" s="8"/>
      <c r="C58" s="8"/>
      <c r="D58" s="8">
        <v>0.14599999999999999</v>
      </c>
      <c r="E58" s="8">
        <v>0.15691835859423678</v>
      </c>
    </row>
    <row r="59" spans="1:5">
      <c r="A59" s="6" t="s">
        <v>76</v>
      </c>
      <c r="B59" s="10"/>
      <c r="C59" s="10"/>
      <c r="D59" s="10">
        <v>0.14899999999999999</v>
      </c>
      <c r="E59" s="10">
        <v>0.1588705466522071</v>
      </c>
    </row>
    <row r="60" spans="1:5">
      <c r="A60" s="3" t="s">
        <v>77</v>
      </c>
      <c r="B60" s="8"/>
      <c r="C60" s="8"/>
      <c r="D60" s="8">
        <v>0.152</v>
      </c>
      <c r="E60" s="8">
        <v>0.1609438119720896</v>
      </c>
    </row>
    <row r="61" spans="1:5">
      <c r="A61" s="6" t="s">
        <v>78</v>
      </c>
      <c r="B61" s="10"/>
      <c r="C61" s="10"/>
      <c r="D61" s="10">
        <v>0.154</v>
      </c>
      <c r="E61" s="10">
        <v>0.16301139429333167</v>
      </c>
    </row>
    <row r="62" spans="1:5">
      <c r="A62" s="3" t="s">
        <v>79</v>
      </c>
      <c r="B62" s="8"/>
      <c r="C62" s="8"/>
      <c r="D62" s="8">
        <v>0.157</v>
      </c>
      <c r="E62" s="8">
        <v>0.1650932607752672</v>
      </c>
    </row>
    <row r="63" spans="1:5">
      <c r="A63" s="6" t="s">
        <v>80</v>
      </c>
      <c r="B63" s="10"/>
      <c r="C63" s="10"/>
      <c r="D63" s="10">
        <v>0.16</v>
      </c>
      <c r="E63" s="10">
        <v>0.16721673892081315</v>
      </c>
    </row>
    <row r="64" spans="1:5">
      <c r="A64" s="3" t="s">
        <v>81</v>
      </c>
      <c r="B64" s="8"/>
      <c r="C64" s="8"/>
      <c r="D64" s="8">
        <v>0.16300000000000001</v>
      </c>
      <c r="E64" s="8">
        <v>0.16936564837905238</v>
      </c>
    </row>
    <row r="65" spans="1:5">
      <c r="A65" s="4" t="s">
        <v>82</v>
      </c>
      <c r="B65" s="9"/>
      <c r="C65" s="9"/>
      <c r="D65" s="9">
        <v>0.16600000000000001</v>
      </c>
      <c r="E65" s="9">
        <v>0.17143852316266109</v>
      </c>
    </row>
    <row r="67" spans="1:5">
      <c r="A67" t="s">
        <v>139</v>
      </c>
    </row>
    <row r="68" spans="1:5">
      <c r="A68" t="s">
        <v>83</v>
      </c>
    </row>
    <row r="70" spans="1:5">
      <c r="A70" s="17"/>
    </row>
  </sheetData>
  <pageMargins left="0.7" right="0.7" top="0.75" bottom="0.75" header="0.3" footer="0.3"/>
  <pageSetup paperSize="9" orientation="portrait" r:id="rId1"/>
  <headerFooter>
    <oddHeader>&amp;C&amp;"Calibri"&amp;12&amp;K000000  OFFICIAL&amp;1#_x000D_</oddHeader>
  </headerFooter>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C71867-16C7-4D65-A1D7-CB37CE802495}">
  <dimension ref="A1:D14"/>
  <sheetViews>
    <sheetView workbookViewId="0">
      <selection activeCell="C9" sqref="C9"/>
    </sheetView>
  </sheetViews>
  <sheetFormatPr defaultRowHeight="12.5"/>
  <cols>
    <col min="1" max="1" width="31.453125" customWidth="1"/>
    <col min="2" max="2" width="14.1796875" customWidth="1"/>
    <col min="4" max="4" width="16.81640625" customWidth="1"/>
  </cols>
  <sheetData>
    <row r="1" spans="1:4" ht="13">
      <c r="A1" s="1" t="s">
        <v>96</v>
      </c>
    </row>
    <row r="2" spans="1:4">
      <c r="A2" t="s">
        <v>84</v>
      </c>
    </row>
    <row r="4" spans="1:4">
      <c r="A4" s="7"/>
      <c r="B4" s="7" t="s">
        <v>85</v>
      </c>
      <c r="C4" s="7" t="s">
        <v>86</v>
      </c>
      <c r="D4" s="7" t="s">
        <v>87</v>
      </c>
    </row>
    <row r="5" spans="1:4">
      <c r="A5" s="6" t="s">
        <v>88</v>
      </c>
      <c r="B5" s="13">
        <v>53.5</v>
      </c>
      <c r="C5" s="13">
        <v>0</v>
      </c>
      <c r="D5" s="13">
        <v>0</v>
      </c>
    </row>
    <row r="6" spans="1:4">
      <c r="A6" s="3" t="s">
        <v>89</v>
      </c>
      <c r="B6" s="12">
        <v>0</v>
      </c>
      <c r="C6" s="12">
        <v>95.6</v>
      </c>
      <c r="D6" s="12">
        <v>0</v>
      </c>
    </row>
    <row r="7" spans="1:4">
      <c r="A7" s="6" t="s">
        <v>90</v>
      </c>
      <c r="B7" s="13">
        <v>0</v>
      </c>
      <c r="C7" s="13">
        <v>0</v>
      </c>
      <c r="D7" s="13">
        <v>17.600000000000001</v>
      </c>
    </row>
    <row r="8" spans="1:4">
      <c r="A8" s="3" t="s">
        <v>91</v>
      </c>
      <c r="B8" s="12">
        <v>35.6</v>
      </c>
      <c r="C8" s="12">
        <v>3.4</v>
      </c>
      <c r="D8" s="12">
        <v>0</v>
      </c>
    </row>
    <row r="9" spans="1:4">
      <c r="A9" s="6" t="s">
        <v>92</v>
      </c>
      <c r="B9" s="13">
        <v>4.4000000000000004</v>
      </c>
      <c r="C9" s="13">
        <v>0</v>
      </c>
      <c r="D9" s="13">
        <v>25.2</v>
      </c>
    </row>
    <row r="10" spans="1:4">
      <c r="A10" s="3" t="s">
        <v>93</v>
      </c>
      <c r="B10" s="12">
        <v>0</v>
      </c>
      <c r="C10" s="12">
        <v>0.3</v>
      </c>
      <c r="D10" s="12">
        <v>19.2</v>
      </c>
    </row>
    <row r="11" spans="1:4">
      <c r="A11" s="4" t="s">
        <v>94</v>
      </c>
      <c r="B11" s="5">
        <v>6.6</v>
      </c>
      <c r="C11" s="5">
        <v>0.6</v>
      </c>
      <c r="D11" s="5">
        <v>37.9</v>
      </c>
    </row>
    <row r="13" spans="1:4">
      <c r="A13" t="s">
        <v>98</v>
      </c>
    </row>
    <row r="14" spans="1:4">
      <c r="A14" t="s">
        <v>95</v>
      </c>
    </row>
  </sheetData>
  <pageMargins left="0.7" right="0.7" top="0.75" bottom="0.75" header="0.3" footer="0.3"/>
</worksheet>
</file>

<file path=xl/worksheets/sheet6.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E71DB79-1A25-4CA7-8C02-9F0625C0BE09}">
  <dimension ref="A1:J33"/>
  <sheetViews>
    <sheetView workbookViewId="0">
      <selection activeCell="A2" sqref="A2"/>
    </sheetView>
  </sheetViews>
  <sheetFormatPr defaultRowHeight="12.5"/>
  <cols>
    <col min="1" max="1" width="11.1796875" customWidth="1"/>
    <col min="2" max="2" width="26.36328125" customWidth="1"/>
  </cols>
  <sheetData>
    <row r="1" spans="1:2" ht="13">
      <c r="A1" s="1" t="s">
        <v>114</v>
      </c>
    </row>
    <row r="2" spans="1:2">
      <c r="A2" t="s">
        <v>115</v>
      </c>
    </row>
    <row r="4" spans="1:2" ht="34.5">
      <c r="A4" s="7" t="s">
        <v>113</v>
      </c>
      <c r="B4" s="11" t="s">
        <v>118</v>
      </c>
    </row>
    <row r="5" spans="1:2">
      <c r="A5" s="6" t="s">
        <v>108</v>
      </c>
      <c r="B5" s="22">
        <v>201288.92914979759</v>
      </c>
    </row>
    <row r="6" spans="1:2">
      <c r="A6" s="3" t="s">
        <v>109</v>
      </c>
      <c r="B6" s="30">
        <v>208925.22178217824</v>
      </c>
    </row>
    <row r="7" spans="1:2">
      <c r="A7" s="6" t="s">
        <v>110</v>
      </c>
      <c r="B7" s="22">
        <v>222205.46313799621</v>
      </c>
    </row>
    <row r="8" spans="1:2">
      <c r="A8" s="3" t="s">
        <v>111</v>
      </c>
      <c r="B8" s="30">
        <v>230046.3763837638</v>
      </c>
    </row>
    <row r="9" spans="1:2">
      <c r="A9" s="6" t="s">
        <v>22</v>
      </c>
      <c r="B9" s="22">
        <v>232439.59893048124</v>
      </c>
    </row>
    <row r="10" spans="1:2">
      <c r="A10" s="3" t="s">
        <v>23</v>
      </c>
      <c r="B10" s="30">
        <v>251860.85739130437</v>
      </c>
    </row>
    <row r="11" spans="1:2">
      <c r="A11" s="6" t="s">
        <v>24</v>
      </c>
      <c r="B11" s="22">
        <v>257031.52</v>
      </c>
    </row>
    <row r="12" spans="1:2">
      <c r="A12" s="3" t="s">
        <v>25</v>
      </c>
      <c r="B12" s="30">
        <v>260405.29073482426</v>
      </c>
    </row>
    <row r="13" spans="1:2">
      <c r="A13" s="6" t="s">
        <v>26</v>
      </c>
      <c r="B13" s="22">
        <v>267459.02286585368</v>
      </c>
    </row>
    <row r="14" spans="1:2">
      <c r="A14" s="3" t="s">
        <v>27</v>
      </c>
      <c r="B14" s="30">
        <v>275676.47161572048</v>
      </c>
    </row>
    <row r="15" spans="1:2">
      <c r="A15" s="6" t="s">
        <v>28</v>
      </c>
      <c r="B15" s="22">
        <v>322371.00835654594</v>
      </c>
    </row>
    <row r="16" spans="1:2">
      <c r="A16" s="3" t="s">
        <v>29</v>
      </c>
      <c r="B16" s="30">
        <v>301084.6827309237</v>
      </c>
    </row>
    <row r="17" spans="1:10">
      <c r="A17" s="6" t="s">
        <v>30</v>
      </c>
      <c r="B17" s="22">
        <v>305526.68076923082</v>
      </c>
    </row>
    <row r="18" spans="1:10">
      <c r="A18" s="3" t="s">
        <v>112</v>
      </c>
      <c r="B18" s="30">
        <v>319492.37515527953</v>
      </c>
    </row>
    <row r="19" spans="1:10">
      <c r="A19" s="6" t="s">
        <v>32</v>
      </c>
      <c r="B19" s="22">
        <v>325026.94254278729</v>
      </c>
    </row>
    <row r="20" spans="1:10">
      <c r="A20" s="3" t="s">
        <v>33</v>
      </c>
      <c r="B20" s="30">
        <v>335191.90287769778</v>
      </c>
    </row>
    <row r="21" spans="1:10">
      <c r="A21" s="6" t="s">
        <v>34</v>
      </c>
      <c r="B21" s="22">
        <v>345542.13931523025</v>
      </c>
    </row>
    <row r="22" spans="1:10">
      <c r="A22" s="3" t="s">
        <v>35</v>
      </c>
      <c r="B22" s="30">
        <v>353794.58556460997</v>
      </c>
    </row>
    <row r="23" spans="1:10">
      <c r="A23" s="6" t="s">
        <v>36</v>
      </c>
      <c r="B23" s="22">
        <v>362781.27335640136</v>
      </c>
    </row>
    <row r="24" spans="1:10">
      <c r="A24" s="3" t="s">
        <v>37</v>
      </c>
      <c r="B24" s="30">
        <v>370961.61818181816</v>
      </c>
    </row>
    <row r="25" spans="1:10">
      <c r="A25" s="6" t="s">
        <v>38</v>
      </c>
      <c r="B25" s="22">
        <v>380933.88691796007</v>
      </c>
    </row>
    <row r="26" spans="1:10">
      <c r="A26" s="3" t="s">
        <v>40</v>
      </c>
      <c r="B26" s="30">
        <v>416246.86942328617</v>
      </c>
    </row>
    <row r="27" spans="1:10">
      <c r="A27" s="6" t="s">
        <v>39</v>
      </c>
      <c r="B27" s="22">
        <v>457518.71367061348</v>
      </c>
    </row>
    <row r="28" spans="1:10">
      <c r="A28" s="3" t="s">
        <v>41</v>
      </c>
      <c r="B28" s="30">
        <v>469163.32845188287</v>
      </c>
    </row>
    <row r="29" spans="1:10">
      <c r="A29" s="6" t="s">
        <v>42</v>
      </c>
      <c r="B29" s="22">
        <v>452282.01300000004</v>
      </c>
    </row>
    <row r="30" spans="1:10">
      <c r="A30" s="20" t="s">
        <v>43</v>
      </c>
      <c r="B30" s="31">
        <v>475521</v>
      </c>
    </row>
    <row r="32" spans="1:10">
      <c r="A32" t="s">
        <v>136</v>
      </c>
      <c r="B32" s="21"/>
      <c r="C32" s="21"/>
      <c r="D32" s="21"/>
      <c r="E32" s="21"/>
      <c r="F32" s="21"/>
      <c r="G32" s="21"/>
      <c r="H32" s="21"/>
      <c r="I32" s="21"/>
      <c r="J32" s="21"/>
    </row>
    <row r="33" spans="1:1">
      <c r="A33" t="s">
        <v>138</v>
      </c>
    </row>
  </sheetData>
  <pageMargins left="0.7" right="0.7" top="0.75" bottom="0.75" header="0.3" footer="0.3"/>
  <legacyDrawing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41283F6-5E28-4DDF-A803-46A07BFDAC35}">
  <dimension ref="A1:D302"/>
  <sheetViews>
    <sheetView topLeftCell="A267" zoomScaleNormal="100" workbookViewId="0">
      <selection sqref="A1:A2"/>
    </sheetView>
  </sheetViews>
  <sheetFormatPr defaultRowHeight="12.5"/>
  <cols>
    <col min="1" max="1" width="23.36328125" bestFit="1" customWidth="1"/>
    <col min="2" max="2" width="14.54296875" bestFit="1" customWidth="1"/>
    <col min="3" max="3" width="28.90625" bestFit="1" customWidth="1"/>
  </cols>
  <sheetData>
    <row r="1" spans="1:4" ht="13">
      <c r="A1" s="1" t="s">
        <v>129</v>
      </c>
    </row>
    <row r="2" spans="1:4">
      <c r="A2" t="s">
        <v>130</v>
      </c>
    </row>
    <row r="4" spans="1:4">
      <c r="A4" s="7" t="s">
        <v>124</v>
      </c>
      <c r="B4" s="7" t="s">
        <v>125</v>
      </c>
      <c r="C4" s="7" t="s">
        <v>126</v>
      </c>
      <c r="D4" s="7"/>
    </row>
    <row r="5" spans="1:4">
      <c r="A5" s="6" t="s">
        <v>117</v>
      </c>
      <c r="B5" s="22">
        <v>-4.3027413992819202E-2</v>
      </c>
      <c r="C5" s="22" t="s">
        <v>122</v>
      </c>
    </row>
    <row r="6" spans="1:4">
      <c r="A6" s="6" t="s">
        <v>117</v>
      </c>
      <c r="B6" s="22">
        <v>-4.1702801665272599E-2</v>
      </c>
      <c r="C6" s="22" t="s">
        <v>122</v>
      </c>
    </row>
    <row r="7" spans="1:4">
      <c r="A7" s="6" t="s">
        <v>117</v>
      </c>
      <c r="B7" s="22">
        <v>1.3009415342058199E-2</v>
      </c>
      <c r="C7" s="22" t="s">
        <v>122</v>
      </c>
    </row>
    <row r="8" spans="1:4">
      <c r="A8" s="6" t="s">
        <v>117</v>
      </c>
      <c r="B8" s="22">
        <v>0.197557482331118</v>
      </c>
      <c r="C8" s="22" t="s">
        <v>122</v>
      </c>
    </row>
    <row r="9" spans="1:4">
      <c r="A9" s="6" t="s">
        <v>117</v>
      </c>
      <c r="B9" s="22">
        <v>0.36414281519110703</v>
      </c>
      <c r="C9" s="22" t="s">
        <v>122</v>
      </c>
    </row>
    <row r="10" spans="1:4">
      <c r="A10" s="6" t="s">
        <v>117</v>
      </c>
      <c r="B10" s="22">
        <v>-1.0121532267001601</v>
      </c>
      <c r="C10" s="22" t="s">
        <v>120</v>
      </c>
    </row>
    <row r="11" spans="1:4">
      <c r="A11" s="6" t="s">
        <v>117</v>
      </c>
      <c r="B11" s="22">
        <v>-0.966964407428478</v>
      </c>
      <c r="C11" s="22" t="s">
        <v>120</v>
      </c>
    </row>
    <row r="12" spans="1:4">
      <c r="A12" s="6" t="s">
        <v>117</v>
      </c>
      <c r="B12" s="22">
        <v>-0.91623979824938095</v>
      </c>
      <c r="C12" s="22" t="s">
        <v>120</v>
      </c>
    </row>
    <row r="13" spans="1:4">
      <c r="A13" s="6" t="s">
        <v>117</v>
      </c>
      <c r="B13" s="22">
        <v>-0.89800893945550597</v>
      </c>
      <c r="C13" s="22" t="s">
        <v>120</v>
      </c>
    </row>
    <row r="14" spans="1:4">
      <c r="A14" s="6" t="s">
        <v>117</v>
      </c>
      <c r="B14" s="22">
        <v>-0.26862000372516398</v>
      </c>
      <c r="C14" s="22" t="s">
        <v>120</v>
      </c>
    </row>
    <row r="15" spans="1:4">
      <c r="A15" s="6" t="s">
        <v>117</v>
      </c>
      <c r="B15" s="22">
        <v>-0.249086841819185</v>
      </c>
      <c r="C15" s="22" t="s">
        <v>120</v>
      </c>
    </row>
    <row r="16" spans="1:4">
      <c r="A16" s="6" t="s">
        <v>117</v>
      </c>
      <c r="B16" s="22">
        <v>-0.220620773341134</v>
      </c>
      <c r="C16" s="22" t="s">
        <v>120</v>
      </c>
    </row>
    <row r="17" spans="1:3">
      <c r="A17" s="6" t="s">
        <v>117</v>
      </c>
      <c r="B17" s="22">
        <v>-9.9172762668596301E-2</v>
      </c>
      <c r="C17" s="22" t="s">
        <v>120</v>
      </c>
    </row>
    <row r="18" spans="1:3">
      <c r="A18" s="6" t="s">
        <v>117</v>
      </c>
      <c r="B18" s="22">
        <v>-8.22887076966239E-2</v>
      </c>
      <c r="C18" s="22" t="s">
        <v>120</v>
      </c>
    </row>
    <row r="19" spans="1:3">
      <c r="A19" s="6" t="s">
        <v>117</v>
      </c>
      <c r="B19" s="22">
        <v>-7.5630657894586506E-2</v>
      </c>
      <c r="C19" s="22" t="s">
        <v>120</v>
      </c>
    </row>
    <row r="20" spans="1:3">
      <c r="A20" s="6" t="s">
        <v>117</v>
      </c>
      <c r="B20" s="22">
        <v>-6.8903623810263201E-2</v>
      </c>
      <c r="C20" s="22" t="s">
        <v>120</v>
      </c>
    </row>
    <row r="21" spans="1:3">
      <c r="A21" s="6" t="s">
        <v>117</v>
      </c>
      <c r="B21" s="22">
        <v>-6.6579626612938106E-2</v>
      </c>
      <c r="C21" s="22" t="s">
        <v>120</v>
      </c>
    </row>
    <row r="22" spans="1:3">
      <c r="A22" s="6" t="s">
        <v>117</v>
      </c>
      <c r="B22" s="22">
        <v>-5.3556605112821697E-2</v>
      </c>
      <c r="C22" s="22" t="s">
        <v>120</v>
      </c>
    </row>
    <row r="23" spans="1:3">
      <c r="A23" s="6" t="s">
        <v>117</v>
      </c>
      <c r="B23" s="22">
        <v>-4.8674540457455902E-2</v>
      </c>
      <c r="C23" s="22" t="s">
        <v>120</v>
      </c>
    </row>
    <row r="24" spans="1:3">
      <c r="A24" s="6" t="s">
        <v>117</v>
      </c>
      <c r="B24" s="22">
        <v>-4.09420405413373E-2</v>
      </c>
      <c r="C24" s="22" t="s">
        <v>120</v>
      </c>
    </row>
    <row r="25" spans="1:3">
      <c r="A25" s="6" t="s">
        <v>117</v>
      </c>
      <c r="B25" s="22">
        <v>-2.4511446371861201E-2</v>
      </c>
      <c r="C25" s="22" t="s">
        <v>120</v>
      </c>
    </row>
    <row r="26" spans="1:3">
      <c r="A26" s="6" t="s">
        <v>117</v>
      </c>
      <c r="B26" s="22">
        <v>-1.47873653522102E-2</v>
      </c>
      <c r="C26" s="22" t="s">
        <v>120</v>
      </c>
    </row>
    <row r="27" spans="1:3">
      <c r="A27" s="6" t="s">
        <v>117</v>
      </c>
      <c r="B27" s="22">
        <v>-1.47757738671098E-2</v>
      </c>
      <c r="C27" s="22" t="s">
        <v>120</v>
      </c>
    </row>
    <row r="28" spans="1:3">
      <c r="A28" s="6" t="s">
        <v>117</v>
      </c>
      <c r="B28" s="22">
        <v>-9.4958081428408499E-3</v>
      </c>
      <c r="C28" s="22" t="s">
        <v>120</v>
      </c>
    </row>
    <row r="29" spans="1:3">
      <c r="A29" s="6" t="s">
        <v>117</v>
      </c>
      <c r="B29" s="22">
        <v>-7.3298984182908599E-3</v>
      </c>
      <c r="C29" s="22" t="s">
        <v>120</v>
      </c>
    </row>
    <row r="30" spans="1:3">
      <c r="A30" s="6" t="s">
        <v>117</v>
      </c>
      <c r="B30" s="22">
        <v>0</v>
      </c>
      <c r="C30" s="22" t="s">
        <v>120</v>
      </c>
    </row>
    <row r="31" spans="1:3">
      <c r="A31" s="6" t="s">
        <v>117</v>
      </c>
      <c r="B31" s="22">
        <v>0</v>
      </c>
      <c r="C31" s="22" t="s">
        <v>120</v>
      </c>
    </row>
    <row r="32" spans="1:3">
      <c r="A32" s="6" t="s">
        <v>117</v>
      </c>
      <c r="B32" s="22">
        <v>0</v>
      </c>
      <c r="C32" s="22" t="s">
        <v>120</v>
      </c>
    </row>
    <row r="33" spans="1:3">
      <c r="A33" s="6" t="s">
        <v>117</v>
      </c>
      <c r="B33" s="22">
        <v>0</v>
      </c>
      <c r="C33" s="22" t="s">
        <v>120</v>
      </c>
    </row>
    <row r="34" spans="1:3">
      <c r="A34" s="6" t="s">
        <v>117</v>
      </c>
      <c r="B34" s="22">
        <v>0</v>
      </c>
      <c r="C34" s="22" t="s">
        <v>120</v>
      </c>
    </row>
    <row r="35" spans="1:3">
      <c r="A35" s="6" t="s">
        <v>117</v>
      </c>
      <c r="B35" s="22">
        <v>0</v>
      </c>
      <c r="C35" s="22" t="s">
        <v>120</v>
      </c>
    </row>
    <row r="36" spans="1:3">
      <c r="A36" s="6" t="s">
        <v>117</v>
      </c>
      <c r="B36" s="22">
        <v>0</v>
      </c>
      <c r="C36" s="22" t="s">
        <v>120</v>
      </c>
    </row>
    <row r="37" spans="1:3">
      <c r="A37" s="6" t="s">
        <v>117</v>
      </c>
      <c r="B37" s="22">
        <v>0</v>
      </c>
      <c r="C37" s="22" t="s">
        <v>120</v>
      </c>
    </row>
    <row r="38" spans="1:3">
      <c r="A38" s="6" t="s">
        <v>117</v>
      </c>
      <c r="B38" s="22">
        <v>0</v>
      </c>
      <c r="C38" s="22" t="s">
        <v>120</v>
      </c>
    </row>
    <row r="39" spans="1:3">
      <c r="A39" s="6" t="s">
        <v>117</v>
      </c>
      <c r="B39" s="22">
        <v>3.6763663852500401E-3</v>
      </c>
      <c r="C39" s="22" t="s">
        <v>120</v>
      </c>
    </row>
    <row r="40" spans="1:3">
      <c r="A40" s="6" t="s">
        <v>117</v>
      </c>
      <c r="B40" s="22">
        <v>4.8423805142608096E-3</v>
      </c>
      <c r="C40" s="22" t="s">
        <v>120</v>
      </c>
    </row>
    <row r="41" spans="1:3">
      <c r="A41" s="6" t="s">
        <v>117</v>
      </c>
      <c r="B41" s="22">
        <v>7.7060480561649001E-3</v>
      </c>
      <c r="C41" s="22" t="s">
        <v>120</v>
      </c>
    </row>
    <row r="42" spans="1:3">
      <c r="A42" s="6" t="s">
        <v>117</v>
      </c>
      <c r="B42" s="22">
        <v>9.3322235101607406E-3</v>
      </c>
      <c r="C42" s="22" t="s">
        <v>120</v>
      </c>
    </row>
    <row r="43" spans="1:3">
      <c r="A43" s="6" t="s">
        <v>117</v>
      </c>
      <c r="B43" s="22">
        <v>1.63506667946017E-2</v>
      </c>
      <c r="C43" s="22" t="s">
        <v>120</v>
      </c>
    </row>
    <row r="44" spans="1:3">
      <c r="A44" s="6" t="s">
        <v>117</v>
      </c>
      <c r="B44" s="22">
        <v>1.7173418797538999E-2</v>
      </c>
      <c r="C44" s="22" t="s">
        <v>120</v>
      </c>
    </row>
    <row r="45" spans="1:3">
      <c r="A45" s="6" t="s">
        <v>117</v>
      </c>
      <c r="B45" s="22">
        <v>1.8079252052964699E-2</v>
      </c>
      <c r="C45" s="22" t="s">
        <v>120</v>
      </c>
    </row>
    <row r="46" spans="1:3">
      <c r="A46" s="6" t="s">
        <v>117</v>
      </c>
      <c r="B46" s="22">
        <v>2.2857649437185799E-2</v>
      </c>
      <c r="C46" s="22" t="s">
        <v>120</v>
      </c>
    </row>
    <row r="47" spans="1:3">
      <c r="A47" s="6" t="s">
        <v>117</v>
      </c>
      <c r="B47" s="22">
        <v>2.3019004043218699E-2</v>
      </c>
      <c r="C47" s="22" t="s">
        <v>120</v>
      </c>
    </row>
    <row r="48" spans="1:3">
      <c r="A48" s="6" t="s">
        <v>117</v>
      </c>
      <c r="B48" s="22">
        <v>2.5964666562616201E-2</v>
      </c>
      <c r="C48" s="22" t="s">
        <v>120</v>
      </c>
    </row>
    <row r="49" spans="1:3">
      <c r="A49" s="6" t="s">
        <v>117</v>
      </c>
      <c r="B49" s="22">
        <v>3.3090181372939502E-2</v>
      </c>
      <c r="C49" s="22" t="s">
        <v>120</v>
      </c>
    </row>
    <row r="50" spans="1:3">
      <c r="A50" s="6" t="s">
        <v>117</v>
      </c>
      <c r="B50" s="22">
        <v>4.1215987267061202E-2</v>
      </c>
      <c r="C50" s="22" t="s">
        <v>120</v>
      </c>
    </row>
    <row r="51" spans="1:3">
      <c r="A51" s="6" t="s">
        <v>117</v>
      </c>
      <c r="B51" s="22">
        <v>4.59055277487182E-2</v>
      </c>
      <c r="C51" s="22" t="s">
        <v>120</v>
      </c>
    </row>
    <row r="52" spans="1:3">
      <c r="A52" s="6" t="s">
        <v>117</v>
      </c>
      <c r="B52" s="22">
        <v>4.8235227621773E-2</v>
      </c>
      <c r="C52" s="22" t="s">
        <v>120</v>
      </c>
    </row>
    <row r="53" spans="1:3">
      <c r="A53" s="6" t="s">
        <v>117</v>
      </c>
      <c r="B53" s="22">
        <v>5.6456981409968299E-2</v>
      </c>
      <c r="C53" s="22" t="s">
        <v>120</v>
      </c>
    </row>
    <row r="54" spans="1:3">
      <c r="A54" s="6" t="s">
        <v>117</v>
      </c>
      <c r="B54" s="22">
        <v>5.9927083608863299E-2</v>
      </c>
      <c r="C54" s="22" t="s">
        <v>120</v>
      </c>
    </row>
    <row r="55" spans="1:3">
      <c r="A55" s="6" t="s">
        <v>117</v>
      </c>
      <c r="B55" s="22">
        <v>6.4961333176923194E-2</v>
      </c>
      <c r="C55" s="22" t="s">
        <v>120</v>
      </c>
    </row>
    <row r="56" spans="1:3">
      <c r="A56" s="6" t="s">
        <v>117</v>
      </c>
      <c r="B56" s="22">
        <v>6.4990464615589702E-2</v>
      </c>
      <c r="C56" s="22" t="s">
        <v>120</v>
      </c>
    </row>
    <row r="57" spans="1:3">
      <c r="A57" s="6" t="s">
        <v>117</v>
      </c>
      <c r="B57" s="22">
        <v>6.7367785521075405E-2</v>
      </c>
      <c r="C57" s="22" t="s">
        <v>120</v>
      </c>
    </row>
    <row r="58" spans="1:3">
      <c r="A58" s="6" t="s">
        <v>117</v>
      </c>
      <c r="B58" s="22">
        <v>7.6791156804133898E-2</v>
      </c>
      <c r="C58" s="22" t="s">
        <v>120</v>
      </c>
    </row>
    <row r="59" spans="1:3">
      <c r="A59" s="6" t="s">
        <v>117</v>
      </c>
      <c r="B59" s="22">
        <v>7.8667686773126494E-2</v>
      </c>
      <c r="C59" s="22" t="s">
        <v>120</v>
      </c>
    </row>
    <row r="60" spans="1:3">
      <c r="A60" s="6" t="s">
        <v>117</v>
      </c>
      <c r="B60" s="22">
        <v>8.7670391978077494E-2</v>
      </c>
      <c r="C60" s="22" t="s">
        <v>120</v>
      </c>
    </row>
    <row r="61" spans="1:3">
      <c r="A61" s="6" t="s">
        <v>117</v>
      </c>
      <c r="B61" s="22">
        <v>8.7813089383091694E-2</v>
      </c>
      <c r="C61" s="22" t="s">
        <v>120</v>
      </c>
    </row>
    <row r="62" spans="1:3">
      <c r="A62" s="6" t="s">
        <v>117</v>
      </c>
      <c r="B62" s="22">
        <v>8.9902695470664803E-2</v>
      </c>
      <c r="C62" s="22" t="s">
        <v>120</v>
      </c>
    </row>
    <row r="63" spans="1:3">
      <c r="A63" s="6" t="s">
        <v>117</v>
      </c>
      <c r="B63" s="22">
        <v>9.6038519757350893E-2</v>
      </c>
      <c r="C63" s="22" t="s">
        <v>120</v>
      </c>
    </row>
    <row r="64" spans="1:3">
      <c r="A64" s="6" t="s">
        <v>117</v>
      </c>
      <c r="B64" s="22">
        <v>0.102444096670347</v>
      </c>
      <c r="C64" s="22" t="s">
        <v>120</v>
      </c>
    </row>
    <row r="65" spans="1:3">
      <c r="A65" s="6" t="s">
        <v>117</v>
      </c>
      <c r="B65" s="22">
        <v>0.11488984468300301</v>
      </c>
      <c r="C65" s="22" t="s">
        <v>120</v>
      </c>
    </row>
    <row r="66" spans="1:3">
      <c r="A66" s="6" t="s">
        <v>117</v>
      </c>
      <c r="B66" s="22">
        <v>0.13178836495789201</v>
      </c>
      <c r="C66" s="22" t="s">
        <v>120</v>
      </c>
    </row>
    <row r="67" spans="1:3">
      <c r="A67" s="6" t="s">
        <v>117</v>
      </c>
      <c r="B67" s="22">
        <v>0.14294244804928499</v>
      </c>
      <c r="C67" s="22" t="s">
        <v>120</v>
      </c>
    </row>
    <row r="68" spans="1:3">
      <c r="A68" s="6" t="s">
        <v>117</v>
      </c>
      <c r="B68" s="22">
        <v>0.14686884802171399</v>
      </c>
      <c r="C68" s="22" t="s">
        <v>120</v>
      </c>
    </row>
    <row r="69" spans="1:3">
      <c r="A69" s="6" t="s">
        <v>117</v>
      </c>
      <c r="B69" s="22">
        <v>0.16414823444454699</v>
      </c>
      <c r="C69" s="22" t="s">
        <v>120</v>
      </c>
    </row>
    <row r="70" spans="1:3">
      <c r="A70" s="6" t="s">
        <v>117</v>
      </c>
      <c r="B70" s="22">
        <v>0.16888615019456099</v>
      </c>
      <c r="C70" s="22" t="s">
        <v>120</v>
      </c>
    </row>
    <row r="71" spans="1:3">
      <c r="A71" s="6" t="s">
        <v>117</v>
      </c>
      <c r="B71" s="22">
        <v>0.17141148027301401</v>
      </c>
      <c r="C71" s="22" t="s">
        <v>120</v>
      </c>
    </row>
    <row r="72" spans="1:3">
      <c r="A72" s="6" t="s">
        <v>117</v>
      </c>
      <c r="B72" s="22">
        <v>0.174375803251688</v>
      </c>
      <c r="C72" s="22" t="s">
        <v>120</v>
      </c>
    </row>
    <row r="73" spans="1:3">
      <c r="A73" s="6" t="s">
        <v>117</v>
      </c>
      <c r="B73" s="22">
        <v>0.17790632032647299</v>
      </c>
      <c r="C73" s="22" t="s">
        <v>120</v>
      </c>
    </row>
    <row r="74" spans="1:3">
      <c r="A74" s="6" t="s">
        <v>117</v>
      </c>
      <c r="B74" s="22">
        <v>0.21109391750274001</v>
      </c>
      <c r="C74" s="22" t="s">
        <v>120</v>
      </c>
    </row>
    <row r="75" spans="1:3">
      <c r="A75" s="6" t="s">
        <v>117</v>
      </c>
      <c r="B75" s="22">
        <v>0.21547248182762199</v>
      </c>
      <c r="C75" s="22" t="s">
        <v>120</v>
      </c>
    </row>
    <row r="76" spans="1:3">
      <c r="A76" s="6" t="s">
        <v>117</v>
      </c>
      <c r="B76" s="22">
        <v>0.21947458704009601</v>
      </c>
      <c r="C76" s="22" t="s">
        <v>120</v>
      </c>
    </row>
    <row r="77" spans="1:3">
      <c r="A77" s="6" t="s">
        <v>117</v>
      </c>
      <c r="B77" s="22">
        <v>0.24529870604595899</v>
      </c>
      <c r="C77" s="22" t="s">
        <v>120</v>
      </c>
    </row>
    <row r="78" spans="1:3">
      <c r="A78" s="6" t="s">
        <v>117</v>
      </c>
      <c r="B78" s="22">
        <v>0.25090172413856598</v>
      </c>
      <c r="C78" s="22" t="s">
        <v>120</v>
      </c>
    </row>
    <row r="79" spans="1:3">
      <c r="A79" s="6" t="s">
        <v>117</v>
      </c>
      <c r="B79" s="22">
        <v>0.25643948028265301</v>
      </c>
      <c r="C79" s="22" t="s">
        <v>120</v>
      </c>
    </row>
    <row r="80" spans="1:3">
      <c r="A80" s="6" t="s">
        <v>117</v>
      </c>
      <c r="B80" s="22">
        <v>0.25694478848663699</v>
      </c>
      <c r="C80" s="22" t="s">
        <v>120</v>
      </c>
    </row>
    <row r="81" spans="1:3">
      <c r="A81" s="6" t="s">
        <v>117</v>
      </c>
      <c r="B81" s="22">
        <v>0.26075132776951099</v>
      </c>
      <c r="C81" s="22" t="s">
        <v>120</v>
      </c>
    </row>
    <row r="82" spans="1:3">
      <c r="A82" s="6" t="s">
        <v>117</v>
      </c>
      <c r="B82" s="22">
        <v>0.26502999023573698</v>
      </c>
      <c r="C82" s="22" t="s">
        <v>120</v>
      </c>
    </row>
    <row r="83" spans="1:3">
      <c r="A83" s="6" t="s">
        <v>117</v>
      </c>
      <c r="B83" s="22">
        <v>0.27105322820364303</v>
      </c>
      <c r="C83" s="22" t="s">
        <v>120</v>
      </c>
    </row>
    <row r="84" spans="1:3">
      <c r="A84" s="6" t="s">
        <v>117</v>
      </c>
      <c r="B84" s="22">
        <v>0.29255409974159602</v>
      </c>
      <c r="C84" s="22" t="s">
        <v>120</v>
      </c>
    </row>
    <row r="85" spans="1:3">
      <c r="A85" s="6" t="s">
        <v>117</v>
      </c>
      <c r="B85" s="22">
        <v>0.29421945309795799</v>
      </c>
      <c r="C85" s="22" t="s">
        <v>120</v>
      </c>
    </row>
    <row r="86" spans="1:3">
      <c r="A86" s="6" t="s">
        <v>117</v>
      </c>
      <c r="B86" s="22">
        <v>0.29938964907556398</v>
      </c>
      <c r="C86" s="22" t="s">
        <v>120</v>
      </c>
    </row>
    <row r="87" spans="1:3">
      <c r="A87" s="6" t="s">
        <v>117</v>
      </c>
      <c r="B87" s="22">
        <v>0.30826442237119001</v>
      </c>
      <c r="C87" s="22" t="s">
        <v>120</v>
      </c>
    </row>
    <row r="88" spans="1:3">
      <c r="A88" s="6" t="s">
        <v>117</v>
      </c>
      <c r="B88" s="22">
        <v>0.32971780703549602</v>
      </c>
      <c r="C88" s="22" t="s">
        <v>120</v>
      </c>
    </row>
    <row r="89" spans="1:3">
      <c r="A89" s="6" t="s">
        <v>117</v>
      </c>
      <c r="B89" s="22">
        <v>0.33010206276424198</v>
      </c>
      <c r="C89" s="22" t="s">
        <v>120</v>
      </c>
    </row>
    <row r="90" spans="1:3">
      <c r="A90" s="6" t="s">
        <v>117</v>
      </c>
      <c r="B90" s="22">
        <v>0.33799121844358998</v>
      </c>
      <c r="C90" s="22" t="s">
        <v>120</v>
      </c>
    </row>
    <row r="91" spans="1:3">
      <c r="A91" s="6" t="s">
        <v>117</v>
      </c>
      <c r="B91" s="22">
        <v>0.35733919736118702</v>
      </c>
      <c r="C91" s="22" t="s">
        <v>120</v>
      </c>
    </row>
    <row r="92" spans="1:3">
      <c r="A92" s="6" t="s">
        <v>117</v>
      </c>
      <c r="B92" s="22">
        <v>0.35847389906584798</v>
      </c>
      <c r="C92" s="22" t="s">
        <v>120</v>
      </c>
    </row>
    <row r="93" spans="1:3">
      <c r="A93" s="6" t="s">
        <v>117</v>
      </c>
      <c r="B93" s="22">
        <v>0.35927871387316102</v>
      </c>
      <c r="C93" s="22" t="s">
        <v>120</v>
      </c>
    </row>
    <row r="94" spans="1:3">
      <c r="A94" s="6" t="s">
        <v>117</v>
      </c>
      <c r="B94" s="22">
        <v>0.36458279193260901</v>
      </c>
      <c r="C94" s="22" t="s">
        <v>120</v>
      </c>
    </row>
    <row r="95" spans="1:3">
      <c r="A95" s="6" t="s">
        <v>117</v>
      </c>
      <c r="B95" s="22">
        <v>0.37611457023301098</v>
      </c>
      <c r="C95" s="22" t="s">
        <v>120</v>
      </c>
    </row>
    <row r="96" spans="1:3">
      <c r="A96" s="6" t="s">
        <v>117</v>
      </c>
      <c r="B96" s="22">
        <v>0.406130329461238</v>
      </c>
      <c r="C96" s="22" t="s">
        <v>120</v>
      </c>
    </row>
    <row r="97" spans="1:3">
      <c r="A97" s="6" t="s">
        <v>117</v>
      </c>
      <c r="B97" s="22">
        <v>0.42260270577154102</v>
      </c>
      <c r="C97" s="22" t="s">
        <v>120</v>
      </c>
    </row>
    <row r="98" spans="1:3">
      <c r="A98" s="6" t="s">
        <v>117</v>
      </c>
      <c r="B98" s="22">
        <v>0.44099202977707602</v>
      </c>
      <c r="C98" s="22" t="s">
        <v>120</v>
      </c>
    </row>
    <row r="99" spans="1:3">
      <c r="A99" s="6" t="s">
        <v>117</v>
      </c>
      <c r="B99" s="22">
        <v>0.44199298706139101</v>
      </c>
      <c r="C99" s="22" t="s">
        <v>120</v>
      </c>
    </row>
    <row r="100" spans="1:3">
      <c r="A100" s="6" t="s">
        <v>117</v>
      </c>
      <c r="B100" s="22">
        <v>0.446673996701484</v>
      </c>
      <c r="C100" s="22" t="s">
        <v>120</v>
      </c>
    </row>
    <row r="101" spans="1:3">
      <c r="A101" s="6" t="s">
        <v>117</v>
      </c>
      <c r="B101" s="22">
        <v>0.45560747663551399</v>
      </c>
      <c r="C101" s="22" t="s">
        <v>120</v>
      </c>
    </row>
    <row r="102" spans="1:3">
      <c r="A102" s="6" t="s">
        <v>117</v>
      </c>
      <c r="B102" s="22">
        <v>0.51775438780459004</v>
      </c>
      <c r="C102" s="22" t="s">
        <v>120</v>
      </c>
    </row>
    <row r="103" spans="1:3">
      <c r="A103" s="6" t="s">
        <v>117</v>
      </c>
      <c r="B103" s="22">
        <v>0.623985673512787</v>
      </c>
      <c r="C103" s="22" t="s">
        <v>120</v>
      </c>
    </row>
    <row r="104" spans="1:3">
      <c r="A104" s="6" t="s">
        <v>117</v>
      </c>
      <c r="B104" s="22">
        <v>0.68002472817193305</v>
      </c>
      <c r="C104" s="22" t="s">
        <v>120</v>
      </c>
    </row>
    <row r="105" spans="1:3">
      <c r="A105" s="6" t="s">
        <v>117</v>
      </c>
      <c r="B105" s="22">
        <v>0.76353620245697995</v>
      </c>
      <c r="C105" s="22" t="s">
        <v>120</v>
      </c>
    </row>
    <row r="106" spans="1:3">
      <c r="A106" s="6" t="s">
        <v>117</v>
      </c>
      <c r="B106" s="22">
        <v>0.77310759896266601</v>
      </c>
      <c r="C106" s="22" t="s">
        <v>120</v>
      </c>
    </row>
    <row r="107" spans="1:3">
      <c r="A107" s="6" t="s">
        <v>117</v>
      </c>
      <c r="B107" s="22">
        <v>0.97688228059318005</v>
      </c>
      <c r="C107" s="22" t="s">
        <v>120</v>
      </c>
    </row>
    <row r="108" spans="1:3">
      <c r="A108" s="6" t="s">
        <v>117</v>
      </c>
      <c r="B108" s="22">
        <v>1.04280576756141</v>
      </c>
      <c r="C108" s="22" t="s">
        <v>120</v>
      </c>
    </row>
    <row r="109" spans="1:3">
      <c r="A109" s="6" t="s">
        <v>117</v>
      </c>
      <c r="B109" s="22">
        <v>-0.61011184924555095</v>
      </c>
      <c r="C109" s="22" t="s">
        <v>119</v>
      </c>
    </row>
    <row r="110" spans="1:3">
      <c r="A110" s="6" t="s">
        <v>117</v>
      </c>
      <c r="B110" s="22">
        <v>-0.17874375895258901</v>
      </c>
      <c r="C110" s="22" t="s">
        <v>119</v>
      </c>
    </row>
    <row r="111" spans="1:3">
      <c r="A111" s="6" t="s">
        <v>117</v>
      </c>
      <c r="B111" s="22">
        <v>-0.178530829842585</v>
      </c>
      <c r="C111" s="22" t="s">
        <v>119</v>
      </c>
    </row>
    <row r="112" spans="1:3">
      <c r="A112" s="6" t="s">
        <v>117</v>
      </c>
      <c r="B112" s="22">
        <v>-0.17018847298508299</v>
      </c>
      <c r="C112" s="22" t="s">
        <v>119</v>
      </c>
    </row>
    <row r="113" spans="1:3">
      <c r="A113" s="6" t="s">
        <v>117</v>
      </c>
      <c r="B113" s="22">
        <v>-0.16754027696941501</v>
      </c>
      <c r="C113" s="22" t="s">
        <v>119</v>
      </c>
    </row>
    <row r="114" spans="1:3">
      <c r="A114" s="6" t="s">
        <v>117</v>
      </c>
      <c r="B114" s="22">
        <v>-0.152538155320917</v>
      </c>
      <c r="C114" s="22" t="s">
        <v>119</v>
      </c>
    </row>
    <row r="115" spans="1:3">
      <c r="A115" s="6" t="s">
        <v>117</v>
      </c>
      <c r="B115" s="22">
        <v>-0.14006387232887399</v>
      </c>
      <c r="C115" s="22" t="s">
        <v>119</v>
      </c>
    </row>
    <row r="116" spans="1:3">
      <c r="A116" s="6" t="s">
        <v>117</v>
      </c>
      <c r="B116" s="22">
        <v>-0.13594478718776401</v>
      </c>
      <c r="C116" s="22" t="s">
        <v>119</v>
      </c>
    </row>
    <row r="117" spans="1:3">
      <c r="A117" s="6" t="s">
        <v>117</v>
      </c>
      <c r="B117" s="22">
        <v>-3.5947397755644303E-2</v>
      </c>
      <c r="C117" s="22" t="s">
        <v>119</v>
      </c>
    </row>
    <row r="118" spans="1:3">
      <c r="A118" s="6" t="s">
        <v>117</v>
      </c>
      <c r="B118" s="22">
        <v>3.50482386194276E-3</v>
      </c>
      <c r="C118" s="22" t="s">
        <v>119</v>
      </c>
    </row>
    <row r="119" spans="1:3">
      <c r="A119" s="6" t="s">
        <v>117</v>
      </c>
      <c r="B119" s="22">
        <v>5.1039414096230203E-3</v>
      </c>
      <c r="C119" s="22" t="s">
        <v>119</v>
      </c>
    </row>
    <row r="120" spans="1:3">
      <c r="A120" s="6" t="s">
        <v>117</v>
      </c>
      <c r="B120" s="22">
        <v>1.33013885111478E-2</v>
      </c>
      <c r="C120" s="22" t="s">
        <v>119</v>
      </c>
    </row>
    <row r="121" spans="1:3">
      <c r="A121" s="6" t="s">
        <v>117</v>
      </c>
      <c r="B121" s="22">
        <v>1.73396908001732E-2</v>
      </c>
      <c r="C121" s="22" t="s">
        <v>119</v>
      </c>
    </row>
    <row r="122" spans="1:3">
      <c r="A122" s="6" t="s">
        <v>117</v>
      </c>
      <c r="B122" s="22">
        <v>4.8977752151033303E-2</v>
      </c>
      <c r="C122" s="22" t="s">
        <v>119</v>
      </c>
    </row>
    <row r="123" spans="1:3">
      <c r="A123" s="6" t="s">
        <v>117</v>
      </c>
      <c r="B123" s="22">
        <v>5.5933365825395397E-2</v>
      </c>
      <c r="C123" s="22" t="s">
        <v>119</v>
      </c>
    </row>
    <row r="124" spans="1:3">
      <c r="A124" s="6" t="s">
        <v>117</v>
      </c>
      <c r="B124" s="22">
        <v>0.101111761293393</v>
      </c>
      <c r="C124" s="22" t="s">
        <v>119</v>
      </c>
    </row>
    <row r="125" spans="1:3">
      <c r="A125" s="6" t="s">
        <v>117</v>
      </c>
      <c r="B125" s="22">
        <v>0.10787942643074</v>
      </c>
      <c r="C125" s="22" t="s">
        <v>119</v>
      </c>
    </row>
    <row r="126" spans="1:3">
      <c r="A126" s="6" t="s">
        <v>117</v>
      </c>
      <c r="B126" s="22">
        <v>0.124786903252794</v>
      </c>
      <c r="C126" s="22" t="s">
        <v>119</v>
      </c>
    </row>
    <row r="127" spans="1:3">
      <c r="A127" s="6" t="s">
        <v>117</v>
      </c>
      <c r="B127" s="22">
        <v>0.150077975490605</v>
      </c>
      <c r="C127" s="22" t="s">
        <v>119</v>
      </c>
    </row>
    <row r="128" spans="1:3">
      <c r="A128" s="6" t="s">
        <v>117</v>
      </c>
      <c r="B128" s="22">
        <v>0.16226196098666301</v>
      </c>
      <c r="C128" s="22" t="s">
        <v>119</v>
      </c>
    </row>
    <row r="129" spans="1:3">
      <c r="A129" s="6" t="s">
        <v>117</v>
      </c>
      <c r="B129" s="22">
        <v>0.16776472806644499</v>
      </c>
      <c r="C129" s="22" t="s">
        <v>119</v>
      </c>
    </row>
    <row r="130" spans="1:3">
      <c r="A130" s="6" t="s">
        <v>117</v>
      </c>
      <c r="B130" s="22">
        <v>0.18046262497519699</v>
      </c>
      <c r="C130" s="22" t="s">
        <v>119</v>
      </c>
    </row>
    <row r="131" spans="1:3">
      <c r="A131" s="6" t="s">
        <v>117</v>
      </c>
      <c r="B131" s="22">
        <v>0.185526772318866</v>
      </c>
      <c r="C131" s="22" t="s">
        <v>119</v>
      </c>
    </row>
    <row r="132" spans="1:3">
      <c r="A132" s="6" t="s">
        <v>117</v>
      </c>
      <c r="B132" s="22">
        <v>0.189519654870276</v>
      </c>
      <c r="C132" s="22" t="s">
        <v>119</v>
      </c>
    </row>
    <row r="133" spans="1:3">
      <c r="A133" s="6" t="s">
        <v>117</v>
      </c>
      <c r="B133" s="22">
        <v>0.192845516037354</v>
      </c>
      <c r="C133" s="22" t="s">
        <v>119</v>
      </c>
    </row>
    <row r="134" spans="1:3">
      <c r="A134" s="6" t="s">
        <v>117</v>
      </c>
      <c r="B134" s="22">
        <v>0.20755008314341</v>
      </c>
      <c r="C134" s="22" t="s">
        <v>119</v>
      </c>
    </row>
    <row r="135" spans="1:3">
      <c r="A135" s="6" t="s">
        <v>117</v>
      </c>
      <c r="B135" s="22">
        <v>0.21815520392066001</v>
      </c>
      <c r="C135" s="22" t="s">
        <v>119</v>
      </c>
    </row>
    <row r="136" spans="1:3">
      <c r="A136" s="6" t="s">
        <v>117</v>
      </c>
      <c r="B136" s="22">
        <v>0.22967251430036301</v>
      </c>
      <c r="C136" s="22" t="s">
        <v>119</v>
      </c>
    </row>
    <row r="137" spans="1:3">
      <c r="A137" s="6" t="s">
        <v>117</v>
      </c>
      <c r="B137" s="22">
        <v>0.257253751380148</v>
      </c>
      <c r="C137" s="22" t="s">
        <v>119</v>
      </c>
    </row>
    <row r="138" spans="1:3">
      <c r="A138" s="6" t="s">
        <v>117</v>
      </c>
      <c r="B138" s="22">
        <v>0.271002666205439</v>
      </c>
      <c r="C138" s="22" t="s">
        <v>119</v>
      </c>
    </row>
    <row r="139" spans="1:3">
      <c r="A139" s="6" t="s">
        <v>117</v>
      </c>
      <c r="B139" s="22">
        <v>0.27670149813740702</v>
      </c>
      <c r="C139" s="22" t="s">
        <v>119</v>
      </c>
    </row>
    <row r="140" spans="1:3">
      <c r="A140" s="6" t="s">
        <v>117</v>
      </c>
      <c r="B140" s="22">
        <v>0.30728488106344698</v>
      </c>
      <c r="C140" s="22" t="s">
        <v>119</v>
      </c>
    </row>
    <row r="141" spans="1:3">
      <c r="A141" s="6" t="s">
        <v>117</v>
      </c>
      <c r="B141" s="22">
        <v>0.30894588820013802</v>
      </c>
      <c r="C141" s="22" t="s">
        <v>119</v>
      </c>
    </row>
    <row r="142" spans="1:3">
      <c r="A142" s="6" t="s">
        <v>117</v>
      </c>
      <c r="B142" s="22">
        <v>0.32150906060704498</v>
      </c>
      <c r="C142" s="22" t="s">
        <v>119</v>
      </c>
    </row>
    <row r="143" spans="1:3">
      <c r="A143" s="6" t="s">
        <v>117</v>
      </c>
      <c r="B143" s="22">
        <v>0.340669955589542</v>
      </c>
      <c r="C143" s="22" t="s">
        <v>119</v>
      </c>
    </row>
    <row r="144" spans="1:3">
      <c r="A144" s="6" t="s">
        <v>117</v>
      </c>
      <c r="B144" s="22">
        <v>0.34328519836839899</v>
      </c>
      <c r="C144" s="22" t="s">
        <v>119</v>
      </c>
    </row>
    <row r="145" spans="1:3">
      <c r="A145" s="6" t="s">
        <v>117</v>
      </c>
      <c r="B145" s="22">
        <v>0.37407185337393301</v>
      </c>
      <c r="C145" s="22" t="s">
        <v>119</v>
      </c>
    </row>
    <row r="146" spans="1:3">
      <c r="A146" s="6" t="s">
        <v>117</v>
      </c>
      <c r="B146" s="22">
        <v>0.37602195132597699</v>
      </c>
      <c r="C146" s="22" t="s">
        <v>119</v>
      </c>
    </row>
    <row r="147" spans="1:3">
      <c r="A147" s="6" t="s">
        <v>117</v>
      </c>
      <c r="B147" s="22">
        <v>0.39703909762967099</v>
      </c>
      <c r="C147" s="22" t="s">
        <v>119</v>
      </c>
    </row>
    <row r="148" spans="1:3">
      <c r="A148" s="6" t="s">
        <v>117</v>
      </c>
      <c r="B148" s="22">
        <v>0.43533096215765299</v>
      </c>
      <c r="C148" s="22" t="s">
        <v>119</v>
      </c>
    </row>
    <row r="149" spans="1:3">
      <c r="A149" s="6" t="s">
        <v>117</v>
      </c>
      <c r="B149" s="22">
        <v>0.44924500008799201</v>
      </c>
      <c r="C149" s="22" t="s">
        <v>119</v>
      </c>
    </row>
    <row r="150" spans="1:3">
      <c r="A150" s="6" t="s">
        <v>117</v>
      </c>
      <c r="B150" s="22">
        <v>0.46501923378850002</v>
      </c>
      <c r="C150" s="22" t="s">
        <v>119</v>
      </c>
    </row>
    <row r="151" spans="1:3">
      <c r="A151" s="6" t="s">
        <v>117</v>
      </c>
      <c r="B151" s="22">
        <v>0.47843674669181502</v>
      </c>
      <c r="C151" s="22" t="s">
        <v>119</v>
      </c>
    </row>
    <row r="152" spans="1:3">
      <c r="A152" s="6" t="s">
        <v>117</v>
      </c>
      <c r="B152" s="22">
        <v>0.53069536382986005</v>
      </c>
      <c r="C152" s="22" t="s">
        <v>119</v>
      </c>
    </row>
    <row r="153" spans="1:3">
      <c r="A153" s="6" t="s">
        <v>117</v>
      </c>
      <c r="B153" s="22">
        <v>0.55170872662542103</v>
      </c>
      <c r="C153" s="22" t="s">
        <v>119</v>
      </c>
    </row>
    <row r="154" spans="1:3">
      <c r="A154" s="6" t="s">
        <v>117</v>
      </c>
      <c r="B154" s="22">
        <v>0.55671708801391295</v>
      </c>
      <c r="C154" s="22" t="s">
        <v>119</v>
      </c>
    </row>
    <row r="155" spans="1:3">
      <c r="A155" s="6" t="s">
        <v>117</v>
      </c>
      <c r="B155" s="22">
        <v>0.59079811323378395</v>
      </c>
      <c r="C155" s="22" t="s">
        <v>119</v>
      </c>
    </row>
    <row r="156" spans="1:3">
      <c r="A156" s="6" t="s">
        <v>117</v>
      </c>
      <c r="B156" s="22">
        <v>0.59391643862082499</v>
      </c>
      <c r="C156" s="22" t="s">
        <v>119</v>
      </c>
    </row>
    <row r="157" spans="1:3">
      <c r="A157" s="6" t="s">
        <v>117</v>
      </c>
      <c r="B157" s="22">
        <v>0.60516812399199005</v>
      </c>
      <c r="C157" s="22" t="s">
        <v>119</v>
      </c>
    </row>
    <row r="158" spans="1:3">
      <c r="A158" s="6" t="s">
        <v>117</v>
      </c>
      <c r="B158" s="22">
        <v>0.69262001579898402</v>
      </c>
      <c r="C158" s="22" t="s">
        <v>119</v>
      </c>
    </row>
    <row r="159" spans="1:3">
      <c r="A159" s="6" t="s">
        <v>117</v>
      </c>
      <c r="B159" s="22">
        <v>0.69830577366048197</v>
      </c>
      <c r="C159" s="22" t="s">
        <v>119</v>
      </c>
    </row>
    <row r="160" spans="1:3">
      <c r="A160" s="6" t="s">
        <v>117</v>
      </c>
      <c r="B160" s="22">
        <v>0.78294838917292597</v>
      </c>
      <c r="C160" s="22" t="s">
        <v>119</v>
      </c>
    </row>
    <row r="161" spans="1:3">
      <c r="A161" s="6" t="s">
        <v>117</v>
      </c>
      <c r="B161" s="22">
        <v>0.82617091792203301</v>
      </c>
      <c r="C161" s="22" t="s">
        <v>119</v>
      </c>
    </row>
    <row r="162" spans="1:3">
      <c r="A162" s="6" t="s">
        <v>117</v>
      </c>
      <c r="B162" s="22">
        <v>0.83103154493729703</v>
      </c>
      <c r="C162" s="22" t="s">
        <v>119</v>
      </c>
    </row>
    <row r="163" spans="1:3">
      <c r="A163" s="6" t="s">
        <v>117</v>
      </c>
      <c r="B163" s="22">
        <v>-9.29269328802039E-2</v>
      </c>
      <c r="C163" s="22" t="s">
        <v>121</v>
      </c>
    </row>
    <row r="164" spans="1:3">
      <c r="A164" s="6" t="s">
        <v>117</v>
      </c>
      <c r="B164" s="22">
        <v>4.3806239232648397E-3</v>
      </c>
      <c r="C164" s="22" t="s">
        <v>121</v>
      </c>
    </row>
    <row r="165" spans="1:3">
      <c r="A165" s="6" t="s">
        <v>117</v>
      </c>
      <c r="B165" s="22">
        <v>2.43284966479861E-2</v>
      </c>
      <c r="C165" s="22" t="s">
        <v>121</v>
      </c>
    </row>
    <row r="166" spans="1:3">
      <c r="A166" s="6" t="s">
        <v>117</v>
      </c>
      <c r="B166" s="22">
        <v>2.6256112484026699E-2</v>
      </c>
      <c r="C166" s="22" t="s">
        <v>121</v>
      </c>
    </row>
    <row r="167" spans="1:3">
      <c r="A167" s="6" t="s">
        <v>117</v>
      </c>
      <c r="B167" s="22">
        <v>3.1416172931614098E-2</v>
      </c>
      <c r="C167" s="22" t="s">
        <v>121</v>
      </c>
    </row>
    <row r="168" spans="1:3">
      <c r="A168" s="6" t="s">
        <v>117</v>
      </c>
      <c r="B168" s="22">
        <v>4.1292472875415001E-2</v>
      </c>
      <c r="C168" s="22" t="s">
        <v>121</v>
      </c>
    </row>
    <row r="169" spans="1:3">
      <c r="A169" s="6" t="s">
        <v>117</v>
      </c>
      <c r="B169" s="22">
        <v>5.7552700156758299E-2</v>
      </c>
      <c r="C169" s="22" t="s">
        <v>121</v>
      </c>
    </row>
    <row r="170" spans="1:3">
      <c r="A170" s="6" t="s">
        <v>117</v>
      </c>
      <c r="B170" s="22">
        <v>6.2078892874038998E-2</v>
      </c>
      <c r="C170" s="22" t="s">
        <v>121</v>
      </c>
    </row>
    <row r="171" spans="1:3">
      <c r="A171" s="6" t="s">
        <v>117</v>
      </c>
      <c r="B171" s="22">
        <v>6.3968859027704203E-2</v>
      </c>
      <c r="C171" s="22" t="s">
        <v>121</v>
      </c>
    </row>
    <row r="172" spans="1:3">
      <c r="A172" s="6" t="s">
        <v>117</v>
      </c>
      <c r="B172" s="22">
        <v>9.7173939136516105E-2</v>
      </c>
      <c r="C172" s="22" t="s">
        <v>121</v>
      </c>
    </row>
    <row r="173" spans="1:3">
      <c r="A173" s="6" t="s">
        <v>117</v>
      </c>
      <c r="B173" s="22">
        <v>9.8793599157817893E-2</v>
      </c>
      <c r="C173" s="22" t="s">
        <v>121</v>
      </c>
    </row>
    <row r="174" spans="1:3">
      <c r="A174" s="6" t="s">
        <v>117</v>
      </c>
      <c r="B174" s="22">
        <v>0.119045757658729</v>
      </c>
      <c r="C174" s="22" t="s">
        <v>121</v>
      </c>
    </row>
    <row r="175" spans="1:3">
      <c r="A175" s="6" t="s">
        <v>117</v>
      </c>
      <c r="B175" s="22">
        <v>0.12697486502607699</v>
      </c>
      <c r="C175" s="22" t="s">
        <v>121</v>
      </c>
    </row>
    <row r="176" spans="1:3">
      <c r="A176" s="6" t="s">
        <v>117</v>
      </c>
      <c r="B176" s="22">
        <v>0.12754221215018799</v>
      </c>
      <c r="C176" s="22" t="s">
        <v>121</v>
      </c>
    </row>
    <row r="177" spans="1:3">
      <c r="A177" s="6" t="s">
        <v>117</v>
      </c>
      <c r="B177" s="22">
        <v>0.13506753803117999</v>
      </c>
      <c r="C177" s="22" t="s">
        <v>121</v>
      </c>
    </row>
    <row r="178" spans="1:3">
      <c r="A178" s="6" t="s">
        <v>117</v>
      </c>
      <c r="B178" s="22">
        <v>0.14083994495973101</v>
      </c>
      <c r="C178" s="22" t="s">
        <v>121</v>
      </c>
    </row>
    <row r="179" spans="1:3">
      <c r="A179" s="6" t="s">
        <v>117</v>
      </c>
      <c r="B179" s="22">
        <v>0.17590292141306199</v>
      </c>
      <c r="C179" s="22" t="s">
        <v>121</v>
      </c>
    </row>
    <row r="180" spans="1:3">
      <c r="A180" s="6" t="s">
        <v>117</v>
      </c>
      <c r="B180" s="22">
        <v>0.185053871952993</v>
      </c>
      <c r="C180" s="22" t="s">
        <v>121</v>
      </c>
    </row>
    <row r="181" spans="1:3">
      <c r="A181" s="6" t="s">
        <v>117</v>
      </c>
      <c r="B181" s="22">
        <v>0.194388256408809</v>
      </c>
      <c r="C181" s="22" t="s">
        <v>121</v>
      </c>
    </row>
    <row r="182" spans="1:3">
      <c r="A182" s="6" t="s">
        <v>117</v>
      </c>
      <c r="B182" s="22">
        <v>0.207225249112618</v>
      </c>
      <c r="C182" s="22" t="s">
        <v>121</v>
      </c>
    </row>
    <row r="183" spans="1:3">
      <c r="A183" s="6" t="s">
        <v>117</v>
      </c>
      <c r="B183" s="22">
        <v>0.21625615420834701</v>
      </c>
      <c r="C183" s="22" t="s">
        <v>121</v>
      </c>
    </row>
    <row r="184" spans="1:3">
      <c r="A184" s="6" t="s">
        <v>117</v>
      </c>
      <c r="B184" s="22">
        <v>0.24796219924409499</v>
      </c>
      <c r="C184" s="22" t="s">
        <v>121</v>
      </c>
    </row>
    <row r="185" spans="1:3">
      <c r="A185" s="6" t="s">
        <v>117</v>
      </c>
      <c r="B185" s="22">
        <v>0.25463353545522999</v>
      </c>
      <c r="C185" s="22" t="s">
        <v>121</v>
      </c>
    </row>
    <row r="186" spans="1:3">
      <c r="A186" s="6" t="s">
        <v>117</v>
      </c>
      <c r="B186" s="22">
        <v>0.29680937592134199</v>
      </c>
      <c r="C186" s="22" t="s">
        <v>121</v>
      </c>
    </row>
    <row r="187" spans="1:3">
      <c r="A187" s="6" t="s">
        <v>117</v>
      </c>
      <c r="B187" s="22">
        <v>0.32486223460570302</v>
      </c>
      <c r="C187" s="22" t="s">
        <v>121</v>
      </c>
    </row>
    <row r="188" spans="1:3">
      <c r="A188" s="6" t="s">
        <v>117</v>
      </c>
      <c r="B188" s="22">
        <v>0.331644257300098</v>
      </c>
      <c r="C188" s="22" t="s">
        <v>121</v>
      </c>
    </row>
    <row r="189" spans="1:3">
      <c r="A189" s="6" t="s">
        <v>117</v>
      </c>
      <c r="B189" s="22">
        <v>0.33900571721345102</v>
      </c>
      <c r="C189" s="22" t="s">
        <v>121</v>
      </c>
    </row>
    <row r="190" spans="1:3">
      <c r="A190" s="6" t="s">
        <v>117</v>
      </c>
      <c r="B190" s="22">
        <v>0.363300606864218</v>
      </c>
      <c r="C190" s="22" t="s">
        <v>121</v>
      </c>
    </row>
    <row r="191" spans="1:3">
      <c r="A191" s="6" t="s">
        <v>117</v>
      </c>
      <c r="B191" s="22">
        <v>0.442255958424216</v>
      </c>
      <c r="C191" s="22" t="s">
        <v>121</v>
      </c>
    </row>
    <row r="192" spans="1:3">
      <c r="A192" s="6" t="s">
        <v>117</v>
      </c>
      <c r="B192" s="22">
        <v>0.51701495314943602</v>
      </c>
      <c r="C192" s="22" t="s">
        <v>121</v>
      </c>
    </row>
    <row r="193" spans="1:3">
      <c r="A193" s="6" t="s">
        <v>117</v>
      </c>
      <c r="B193" s="22">
        <v>0.57425836810279995</v>
      </c>
      <c r="C193" s="22" t="s">
        <v>121</v>
      </c>
    </row>
    <row r="194" spans="1:3">
      <c r="A194" s="6" t="s">
        <v>117</v>
      </c>
      <c r="B194" s="22">
        <v>0.581269519670363</v>
      </c>
      <c r="C194" s="22" t="s">
        <v>121</v>
      </c>
    </row>
    <row r="195" spans="1:3">
      <c r="A195" s="6" t="s">
        <v>117</v>
      </c>
      <c r="B195" s="22">
        <v>0.61240416993942304</v>
      </c>
      <c r="C195" s="22" t="s">
        <v>121</v>
      </c>
    </row>
    <row r="196" spans="1:3">
      <c r="A196" s="6" t="s">
        <v>117</v>
      </c>
      <c r="B196" s="22">
        <v>0.62448317288939503</v>
      </c>
      <c r="C196" s="22" t="s">
        <v>121</v>
      </c>
    </row>
    <row r="197" spans="1:3">
      <c r="A197" s="6" t="s">
        <v>117</v>
      </c>
      <c r="B197" s="22">
        <v>0.67408299234484104</v>
      </c>
      <c r="C197" s="22" t="s">
        <v>121</v>
      </c>
    </row>
    <row r="198" spans="1:3">
      <c r="A198" s="6" t="s">
        <v>117</v>
      </c>
      <c r="B198" s="22">
        <v>0.78681067555675099</v>
      </c>
      <c r="C198" s="22" t="s">
        <v>121</v>
      </c>
    </row>
    <row r="199" spans="1:3">
      <c r="A199" s="6" t="s">
        <v>117</v>
      </c>
      <c r="B199" s="22">
        <v>0.79216733422340901</v>
      </c>
      <c r="C199" s="22" t="s">
        <v>121</v>
      </c>
    </row>
    <row r="200" spans="1:3">
      <c r="A200" s="6" t="s">
        <v>117</v>
      </c>
      <c r="B200" s="22">
        <v>0.81711570379669296</v>
      </c>
      <c r="C200" s="22" t="s">
        <v>121</v>
      </c>
    </row>
    <row r="201" spans="1:3">
      <c r="A201" s="6" t="s">
        <v>117</v>
      </c>
      <c r="B201" s="22">
        <v>-1.3589181556332901</v>
      </c>
      <c r="C201" s="22" t="s">
        <v>123</v>
      </c>
    </row>
    <row r="202" spans="1:3">
      <c r="A202" s="6" t="s">
        <v>117</v>
      </c>
      <c r="B202" s="22">
        <v>-1.33350854071383E-2</v>
      </c>
      <c r="C202" s="22" t="s">
        <v>123</v>
      </c>
    </row>
    <row r="203" spans="1:3">
      <c r="A203" s="6" t="s">
        <v>117</v>
      </c>
      <c r="B203" s="22">
        <v>6.2206052614957597E-3</v>
      </c>
      <c r="C203" s="22" t="s">
        <v>123</v>
      </c>
    </row>
    <row r="204" spans="1:3">
      <c r="A204" s="6" t="s">
        <v>117</v>
      </c>
      <c r="B204" s="22">
        <v>1.5380868184606499E-2</v>
      </c>
      <c r="C204" s="22" t="s">
        <v>123</v>
      </c>
    </row>
    <row r="205" spans="1:3">
      <c r="A205" s="6" t="s">
        <v>117</v>
      </c>
      <c r="B205" s="22">
        <v>1.84535476274406E-2</v>
      </c>
      <c r="C205" s="22" t="s">
        <v>123</v>
      </c>
    </row>
    <row r="206" spans="1:3">
      <c r="A206" s="6" t="s">
        <v>117</v>
      </c>
      <c r="B206" s="22">
        <v>6.4529864892410096E-2</v>
      </c>
      <c r="C206" s="22" t="s">
        <v>123</v>
      </c>
    </row>
    <row r="207" spans="1:3">
      <c r="A207" s="6" t="s">
        <v>117</v>
      </c>
      <c r="B207" s="22">
        <v>6.7116515714646593E-2</v>
      </c>
      <c r="C207" s="22" t="s">
        <v>123</v>
      </c>
    </row>
    <row r="208" spans="1:3">
      <c r="A208" s="6" t="s">
        <v>117</v>
      </c>
      <c r="B208" s="22">
        <v>7.1390190504307796E-2</v>
      </c>
      <c r="C208" s="22" t="s">
        <v>123</v>
      </c>
    </row>
    <row r="209" spans="1:3">
      <c r="A209" s="6" t="s">
        <v>117</v>
      </c>
      <c r="B209" s="22">
        <v>8.9218499136032706E-2</v>
      </c>
      <c r="C209" s="22" t="s">
        <v>123</v>
      </c>
    </row>
    <row r="210" spans="1:3">
      <c r="A210" s="6" t="s">
        <v>117</v>
      </c>
      <c r="B210" s="22">
        <v>0.142818154584373</v>
      </c>
      <c r="C210" s="22" t="s">
        <v>123</v>
      </c>
    </row>
    <row r="211" spans="1:3">
      <c r="A211" s="6" t="s">
        <v>117</v>
      </c>
      <c r="B211" s="22">
        <v>0.21592477081963801</v>
      </c>
      <c r="C211" s="22" t="s">
        <v>123</v>
      </c>
    </row>
    <row r="212" spans="1:3">
      <c r="A212" s="6" t="s">
        <v>117</v>
      </c>
      <c r="B212" s="22">
        <v>0.21767138909992001</v>
      </c>
      <c r="C212" s="22" t="s">
        <v>123</v>
      </c>
    </row>
    <row r="213" spans="1:3">
      <c r="A213" s="6" t="s">
        <v>117</v>
      </c>
      <c r="B213" s="22">
        <v>0.234779460103994</v>
      </c>
      <c r="C213" s="22" t="s">
        <v>123</v>
      </c>
    </row>
    <row r="214" spans="1:3">
      <c r="A214" s="6" t="s">
        <v>117</v>
      </c>
      <c r="B214" s="22">
        <v>0.32766051971758098</v>
      </c>
      <c r="C214" s="22" t="s">
        <v>123</v>
      </c>
    </row>
    <row r="215" spans="1:3">
      <c r="A215" s="6" t="s">
        <v>117</v>
      </c>
      <c r="B215" s="22">
        <v>0.32772748187671602</v>
      </c>
      <c r="C215" s="22" t="s">
        <v>123</v>
      </c>
    </row>
    <row r="216" spans="1:3">
      <c r="A216" s="6" t="s">
        <v>117</v>
      </c>
      <c r="B216" s="22">
        <v>0.34925875057065398</v>
      </c>
      <c r="C216" s="22" t="s">
        <v>123</v>
      </c>
    </row>
    <row r="217" spans="1:3">
      <c r="A217" s="6" t="s">
        <v>117</v>
      </c>
      <c r="B217" s="22">
        <v>0.40403134326405699</v>
      </c>
      <c r="C217" s="22" t="s">
        <v>123</v>
      </c>
    </row>
    <row r="218" spans="1:3">
      <c r="A218" s="6" t="s">
        <v>117</v>
      </c>
      <c r="B218" s="22">
        <v>0.53591964461983099</v>
      </c>
      <c r="C218" s="22" t="s">
        <v>123</v>
      </c>
    </row>
    <row r="219" spans="1:3">
      <c r="A219" s="6" t="s">
        <v>117</v>
      </c>
      <c r="B219" s="22">
        <v>0.63675567145622403</v>
      </c>
      <c r="C219" s="22" t="s">
        <v>123</v>
      </c>
    </row>
    <row r="220" spans="1:3">
      <c r="A220" s="6" t="s">
        <v>117</v>
      </c>
      <c r="B220" s="22">
        <v>0.65759082972355298</v>
      </c>
      <c r="C220" s="22" t="s">
        <v>123</v>
      </c>
    </row>
    <row r="221" spans="1:3">
      <c r="A221" s="6" t="s">
        <v>117</v>
      </c>
      <c r="B221" s="22">
        <v>0.85035331418318505</v>
      </c>
      <c r="C221" s="22" t="s">
        <v>123</v>
      </c>
    </row>
    <row r="222" spans="1:3">
      <c r="A222" s="6" t="s">
        <v>117</v>
      </c>
      <c r="B222" s="22">
        <v>0.97859465280201097</v>
      </c>
      <c r="C222" s="22" t="s">
        <v>123</v>
      </c>
    </row>
    <row r="223" spans="1:3">
      <c r="A223" s="6" t="s">
        <v>116</v>
      </c>
      <c r="B223" s="22">
        <v>0.80706067792344005</v>
      </c>
      <c r="C223" s="22" t="s">
        <v>122</v>
      </c>
    </row>
    <row r="224" spans="1:3">
      <c r="A224" s="6" t="s">
        <v>116</v>
      </c>
      <c r="B224" s="22">
        <v>0.83173769405403097</v>
      </c>
      <c r="C224" s="22" t="s">
        <v>122</v>
      </c>
    </row>
    <row r="225" spans="1:3">
      <c r="A225" s="6" t="s">
        <v>116</v>
      </c>
      <c r="B225" s="22">
        <v>1.4695769930179701</v>
      </c>
      <c r="C225" s="22" t="s">
        <v>122</v>
      </c>
    </row>
    <row r="226" spans="1:3">
      <c r="A226" s="6" t="s">
        <v>116</v>
      </c>
      <c r="B226" s="22">
        <v>-1.7733630589671401</v>
      </c>
      <c r="C226" s="22" t="s">
        <v>120</v>
      </c>
    </row>
    <row r="227" spans="1:3">
      <c r="A227" s="6" t="s">
        <v>116</v>
      </c>
      <c r="B227" s="22">
        <v>0.24702849087766601</v>
      </c>
      <c r="C227" s="22" t="s">
        <v>120</v>
      </c>
    </row>
    <row r="228" spans="1:3">
      <c r="A228" s="6" t="s">
        <v>116</v>
      </c>
      <c r="B228" s="22">
        <v>0.33200764892972201</v>
      </c>
      <c r="C228" s="22" t="s">
        <v>120</v>
      </c>
    </row>
    <row r="229" spans="1:3">
      <c r="A229" s="6" t="s">
        <v>116</v>
      </c>
      <c r="B229" s="22">
        <v>0.57986812537647403</v>
      </c>
      <c r="C229" s="22" t="s">
        <v>120</v>
      </c>
    </row>
    <row r="230" spans="1:3">
      <c r="A230" s="6" t="s">
        <v>116</v>
      </c>
      <c r="B230" s="22">
        <v>0.63865765135103603</v>
      </c>
      <c r="C230" s="22" t="s">
        <v>120</v>
      </c>
    </row>
    <row r="231" spans="1:3">
      <c r="A231" s="6" t="s">
        <v>116</v>
      </c>
      <c r="B231" s="22">
        <v>0.70592844449312198</v>
      </c>
      <c r="C231" s="22" t="s">
        <v>120</v>
      </c>
    </row>
    <row r="232" spans="1:3">
      <c r="A232" s="6" t="s">
        <v>116</v>
      </c>
      <c r="B232" s="22">
        <v>0.98169371851944798</v>
      </c>
      <c r="C232" s="22" t="s">
        <v>120</v>
      </c>
    </row>
    <row r="233" spans="1:3">
      <c r="A233" s="6" t="s">
        <v>116</v>
      </c>
      <c r="B233" s="22">
        <v>1.0257311354426299</v>
      </c>
      <c r="C233" s="22" t="s">
        <v>120</v>
      </c>
    </row>
    <row r="234" spans="1:3">
      <c r="A234" s="6" t="s">
        <v>116</v>
      </c>
      <c r="B234" s="22">
        <v>1.07007585869628</v>
      </c>
      <c r="C234" s="22" t="s">
        <v>120</v>
      </c>
    </row>
    <row r="235" spans="1:3">
      <c r="A235" s="6" t="s">
        <v>116</v>
      </c>
      <c r="B235" s="22">
        <v>1.209034582318</v>
      </c>
      <c r="C235" s="22" t="s">
        <v>120</v>
      </c>
    </row>
    <row r="236" spans="1:3">
      <c r="A236" s="6" t="s">
        <v>116</v>
      </c>
      <c r="B236" s="22">
        <v>1.2482320417846</v>
      </c>
      <c r="C236" s="22" t="s">
        <v>120</v>
      </c>
    </row>
    <row r="237" spans="1:3">
      <c r="A237" s="6" t="s">
        <v>116</v>
      </c>
      <c r="B237" s="22">
        <v>1.25054082107303</v>
      </c>
      <c r="C237" s="22" t="s">
        <v>120</v>
      </c>
    </row>
    <row r="238" spans="1:3">
      <c r="A238" s="6" t="s">
        <v>116</v>
      </c>
      <c r="B238" s="22">
        <v>1.2731961168853601</v>
      </c>
      <c r="C238" s="22" t="s">
        <v>120</v>
      </c>
    </row>
    <row r="239" spans="1:3">
      <c r="A239" s="6" t="s">
        <v>116</v>
      </c>
      <c r="B239" s="22">
        <v>1.33022901818816</v>
      </c>
      <c r="C239" s="22" t="s">
        <v>120</v>
      </c>
    </row>
    <row r="240" spans="1:3">
      <c r="A240" s="6" t="s">
        <v>116</v>
      </c>
      <c r="B240" s="22">
        <v>1.3782686679882901</v>
      </c>
      <c r="C240" s="22" t="s">
        <v>120</v>
      </c>
    </row>
    <row r="241" spans="1:3">
      <c r="A241" s="6" t="s">
        <v>116</v>
      </c>
      <c r="B241" s="22">
        <v>1.4660069635330799</v>
      </c>
      <c r="C241" s="22" t="s">
        <v>120</v>
      </c>
    </row>
    <row r="242" spans="1:3">
      <c r="A242" s="6" t="s">
        <v>116</v>
      </c>
      <c r="B242" s="22">
        <v>1.6301360040155799</v>
      </c>
      <c r="C242" s="22" t="s">
        <v>120</v>
      </c>
    </row>
    <row r="243" spans="1:3">
      <c r="A243" s="6" t="s">
        <v>116</v>
      </c>
      <c r="B243" s="22">
        <v>1.6505187344593999</v>
      </c>
      <c r="C243" s="22" t="s">
        <v>120</v>
      </c>
    </row>
    <row r="244" spans="1:3">
      <c r="A244" s="6" t="s">
        <v>116</v>
      </c>
      <c r="B244" s="22">
        <v>1.6766944670816499</v>
      </c>
      <c r="C244" s="22" t="s">
        <v>120</v>
      </c>
    </row>
    <row r="245" spans="1:3">
      <c r="A245" s="6" t="s">
        <v>116</v>
      </c>
      <c r="B245" s="22">
        <v>1.6875265790268701</v>
      </c>
      <c r="C245" s="22" t="s">
        <v>120</v>
      </c>
    </row>
    <row r="246" spans="1:3">
      <c r="A246" s="6" t="s">
        <v>116</v>
      </c>
      <c r="B246" s="22">
        <v>1.9227822889535799</v>
      </c>
      <c r="C246" s="22" t="s">
        <v>120</v>
      </c>
    </row>
    <row r="247" spans="1:3">
      <c r="A247" s="6" t="s">
        <v>116</v>
      </c>
      <c r="B247" s="22">
        <v>1.9985359957782201</v>
      </c>
      <c r="C247" s="22" t="s">
        <v>120</v>
      </c>
    </row>
    <row r="248" spans="1:3">
      <c r="A248" s="6" t="s">
        <v>116</v>
      </c>
      <c r="B248" s="22">
        <v>2.2937450572148901</v>
      </c>
      <c r="C248" s="22" t="s">
        <v>120</v>
      </c>
    </row>
    <row r="249" spans="1:3">
      <c r="A249" s="6" t="s">
        <v>116</v>
      </c>
      <c r="B249" s="22">
        <v>2.6441352280751098</v>
      </c>
      <c r="C249" s="22" t="s">
        <v>120</v>
      </c>
    </row>
    <row r="250" spans="1:3">
      <c r="A250" s="6" t="s">
        <v>116</v>
      </c>
      <c r="B250" s="22">
        <v>2.8316362114660301</v>
      </c>
      <c r="C250" s="22" t="s">
        <v>120</v>
      </c>
    </row>
    <row r="251" spans="1:3">
      <c r="A251" s="6" t="s">
        <v>116</v>
      </c>
      <c r="B251" s="22">
        <v>3.51759899658644</v>
      </c>
      <c r="C251" s="22" t="s">
        <v>120</v>
      </c>
    </row>
    <row r="252" spans="1:3">
      <c r="A252" s="6" t="s">
        <v>116</v>
      </c>
      <c r="B252" s="22">
        <v>3.7593241480695201</v>
      </c>
      <c r="C252" s="22" t="s">
        <v>120</v>
      </c>
    </row>
    <row r="253" spans="1:3">
      <c r="A253" s="6" t="s">
        <v>116</v>
      </c>
      <c r="B253" s="22">
        <v>3.87182910547397</v>
      </c>
      <c r="C253" s="22" t="s">
        <v>120</v>
      </c>
    </row>
    <row r="254" spans="1:3">
      <c r="A254" s="6" t="s">
        <v>116</v>
      </c>
      <c r="B254" s="22">
        <v>0.86398218333912502</v>
      </c>
      <c r="C254" s="22" t="s">
        <v>119</v>
      </c>
    </row>
    <row r="255" spans="1:3">
      <c r="A255" s="6" t="s">
        <v>116</v>
      </c>
      <c r="B255" s="22">
        <v>0.983517070644367</v>
      </c>
      <c r="C255" s="22" t="s">
        <v>119</v>
      </c>
    </row>
    <row r="256" spans="1:3">
      <c r="A256" s="6" t="s">
        <v>116</v>
      </c>
      <c r="B256" s="22">
        <v>1.2312434512872701</v>
      </c>
      <c r="C256" s="22" t="s">
        <v>119</v>
      </c>
    </row>
    <row r="257" spans="1:3">
      <c r="A257" s="6" t="s">
        <v>116</v>
      </c>
      <c r="B257" s="22">
        <v>1.34282732602675</v>
      </c>
      <c r="C257" s="22" t="s">
        <v>119</v>
      </c>
    </row>
    <row r="258" spans="1:3">
      <c r="A258" s="6" t="s">
        <v>116</v>
      </c>
      <c r="B258" s="22">
        <v>1.5161281499923001</v>
      </c>
      <c r="C258" s="22" t="s">
        <v>119</v>
      </c>
    </row>
    <row r="259" spans="1:3">
      <c r="A259" s="6" t="s">
        <v>116</v>
      </c>
      <c r="B259" s="22">
        <v>1.7722043560091201</v>
      </c>
      <c r="C259" s="22" t="s">
        <v>119</v>
      </c>
    </row>
    <row r="260" spans="1:3">
      <c r="A260" s="6" t="s">
        <v>116</v>
      </c>
      <c r="B260" s="22">
        <v>1.81774131703148</v>
      </c>
      <c r="C260" s="22" t="s">
        <v>119</v>
      </c>
    </row>
    <row r="261" spans="1:3">
      <c r="A261" s="6" t="s">
        <v>116</v>
      </c>
      <c r="B261" s="22">
        <v>1.82640629375394</v>
      </c>
      <c r="C261" s="22" t="s">
        <v>119</v>
      </c>
    </row>
    <row r="262" spans="1:3">
      <c r="A262" s="6" t="s">
        <v>116</v>
      </c>
      <c r="B262" s="22">
        <v>1.8414105978302899</v>
      </c>
      <c r="C262" s="22" t="s">
        <v>119</v>
      </c>
    </row>
    <row r="263" spans="1:3">
      <c r="A263" s="6" t="s">
        <v>116</v>
      </c>
      <c r="B263" s="22">
        <v>1.9796619404752001</v>
      </c>
      <c r="C263" s="22" t="s">
        <v>119</v>
      </c>
    </row>
    <row r="264" spans="1:3">
      <c r="A264" s="6" t="s">
        <v>116</v>
      </c>
      <c r="B264" s="22">
        <v>2.0973858156891101</v>
      </c>
      <c r="C264" s="22" t="s">
        <v>119</v>
      </c>
    </row>
    <row r="265" spans="1:3">
      <c r="A265" s="6" t="s">
        <v>116</v>
      </c>
      <c r="B265" s="22">
        <v>2.24529431442273</v>
      </c>
      <c r="C265" s="22" t="s">
        <v>119</v>
      </c>
    </row>
    <row r="266" spans="1:3">
      <c r="A266" s="6" t="s">
        <v>116</v>
      </c>
      <c r="B266" s="22">
        <v>2.3869595448377501</v>
      </c>
      <c r="C266" s="22" t="s">
        <v>119</v>
      </c>
    </row>
    <row r="267" spans="1:3">
      <c r="A267" s="6" t="s">
        <v>116</v>
      </c>
      <c r="B267" s="22">
        <v>2.5252808466816798</v>
      </c>
      <c r="C267" s="22" t="s">
        <v>119</v>
      </c>
    </row>
    <row r="268" spans="1:3">
      <c r="A268" s="6" t="s">
        <v>116</v>
      </c>
      <c r="B268" s="22">
        <v>2.5982343884274601</v>
      </c>
      <c r="C268" s="22" t="s">
        <v>119</v>
      </c>
    </row>
    <row r="269" spans="1:3">
      <c r="A269" s="6" t="s">
        <v>116</v>
      </c>
      <c r="B269" s="22">
        <v>2.6559209057482698</v>
      </c>
      <c r="C269" s="22" t="s">
        <v>119</v>
      </c>
    </row>
    <row r="270" spans="1:3">
      <c r="A270" s="6" t="s">
        <v>116</v>
      </c>
      <c r="B270" s="22">
        <v>2.74449429859901</v>
      </c>
      <c r="C270" s="22" t="s">
        <v>119</v>
      </c>
    </row>
    <row r="271" spans="1:3">
      <c r="A271" s="6" t="s">
        <v>116</v>
      </c>
      <c r="B271" s="22">
        <v>3.1298958579035201</v>
      </c>
      <c r="C271" s="22" t="s">
        <v>119</v>
      </c>
    </row>
    <row r="272" spans="1:3">
      <c r="A272" s="6" t="s">
        <v>116</v>
      </c>
      <c r="B272" s="22">
        <v>3.2413354458843102</v>
      </c>
      <c r="C272" s="22" t="s">
        <v>119</v>
      </c>
    </row>
    <row r="273" spans="1:3">
      <c r="A273" s="6" t="s">
        <v>116</v>
      </c>
      <c r="B273" s="22">
        <v>4.2175764127162196</v>
      </c>
      <c r="C273" s="22" t="s">
        <v>119</v>
      </c>
    </row>
    <row r="274" spans="1:3">
      <c r="A274" s="6" t="s">
        <v>116</v>
      </c>
      <c r="B274" s="22">
        <v>0.70200161039451903</v>
      </c>
      <c r="C274" s="22" t="s">
        <v>121</v>
      </c>
    </row>
    <row r="275" spans="1:3">
      <c r="A275" s="6" t="s">
        <v>116</v>
      </c>
      <c r="B275" s="22">
        <v>0.73892610376199697</v>
      </c>
      <c r="C275" s="22" t="s">
        <v>121</v>
      </c>
    </row>
    <row r="276" spans="1:3">
      <c r="A276" s="6" t="s">
        <v>116</v>
      </c>
      <c r="B276" s="22">
        <v>0.89876367627741105</v>
      </c>
      <c r="C276" s="22" t="s">
        <v>121</v>
      </c>
    </row>
    <row r="277" spans="1:3">
      <c r="A277" s="6" t="s">
        <v>116</v>
      </c>
      <c r="B277" s="22">
        <v>1.0609119200847199</v>
      </c>
      <c r="C277" s="22" t="s">
        <v>121</v>
      </c>
    </row>
    <row r="278" spans="1:3">
      <c r="A278" s="6" t="s">
        <v>116</v>
      </c>
      <c r="B278" s="22">
        <v>1.12872192203747</v>
      </c>
      <c r="C278" s="22" t="s">
        <v>121</v>
      </c>
    </row>
    <row r="279" spans="1:3">
      <c r="A279" s="6" t="s">
        <v>116</v>
      </c>
      <c r="B279" s="22">
        <v>1.1989390908933</v>
      </c>
      <c r="C279" s="22" t="s">
        <v>121</v>
      </c>
    </row>
    <row r="280" spans="1:3">
      <c r="A280" s="6" t="s">
        <v>116</v>
      </c>
      <c r="B280" s="22">
        <v>1.28175846752083</v>
      </c>
      <c r="C280" s="22" t="s">
        <v>121</v>
      </c>
    </row>
    <row r="281" spans="1:3">
      <c r="A281" s="6" t="s">
        <v>116</v>
      </c>
      <c r="B281" s="22">
        <v>1.6308962784216201</v>
      </c>
      <c r="C281" s="22" t="s">
        <v>121</v>
      </c>
    </row>
    <row r="282" spans="1:3">
      <c r="A282" s="6" t="s">
        <v>116</v>
      </c>
      <c r="B282" s="22">
        <v>2.1489126145050701</v>
      </c>
      <c r="C282" s="22" t="s">
        <v>121</v>
      </c>
    </row>
    <row r="283" spans="1:3">
      <c r="A283" s="6" t="s">
        <v>116</v>
      </c>
      <c r="B283" s="22">
        <v>2.1772481451305299</v>
      </c>
      <c r="C283" s="22" t="s">
        <v>121</v>
      </c>
    </row>
    <row r="284" spans="1:3">
      <c r="A284" s="6" t="s">
        <v>116</v>
      </c>
      <c r="B284" s="22">
        <v>2.8354551729925199</v>
      </c>
      <c r="C284" s="22" t="s">
        <v>121</v>
      </c>
    </row>
    <row r="285" spans="1:3">
      <c r="A285" s="6" t="s">
        <v>116</v>
      </c>
      <c r="B285" s="22">
        <v>2.9315766352000798</v>
      </c>
      <c r="C285" s="22" t="s">
        <v>121</v>
      </c>
    </row>
    <row r="286" spans="1:3">
      <c r="A286" s="6" t="s">
        <v>116</v>
      </c>
      <c r="B286" s="22">
        <v>3.0856163472966101</v>
      </c>
      <c r="C286" s="22" t="s">
        <v>121</v>
      </c>
    </row>
    <row r="287" spans="1:3">
      <c r="A287" s="6" t="s">
        <v>116</v>
      </c>
      <c r="B287" s="22">
        <v>3.4719937471793898</v>
      </c>
      <c r="C287" s="22" t="s">
        <v>121</v>
      </c>
    </row>
    <row r="288" spans="1:3">
      <c r="A288" s="6" t="s">
        <v>116</v>
      </c>
      <c r="B288" s="22">
        <v>3.5451350944550599</v>
      </c>
      <c r="C288" s="22" t="s">
        <v>121</v>
      </c>
    </row>
    <row r="289" spans="1:3">
      <c r="A289" s="6" t="s">
        <v>116</v>
      </c>
      <c r="B289" s="22">
        <v>1.0884340071304699</v>
      </c>
      <c r="C289" s="22" t="s">
        <v>123</v>
      </c>
    </row>
    <row r="290" spans="1:3">
      <c r="A290" s="6" t="s">
        <v>116</v>
      </c>
      <c r="B290" s="22">
        <v>1.15549499532447</v>
      </c>
      <c r="C290" s="22" t="s">
        <v>123</v>
      </c>
    </row>
    <row r="291" spans="1:3">
      <c r="A291" s="6" t="s">
        <v>116</v>
      </c>
      <c r="B291" s="22">
        <v>1.1592531878110199</v>
      </c>
      <c r="C291" s="22" t="s">
        <v>123</v>
      </c>
    </row>
    <row r="292" spans="1:3">
      <c r="A292" s="6" t="s">
        <v>116</v>
      </c>
      <c r="B292" s="22">
        <v>1.33764060320792</v>
      </c>
      <c r="C292" s="22" t="s">
        <v>123</v>
      </c>
    </row>
    <row r="293" spans="1:3">
      <c r="A293" s="6" t="s">
        <v>116</v>
      </c>
      <c r="B293" s="22">
        <v>1.6192992691438299</v>
      </c>
      <c r="C293" s="22" t="s">
        <v>123</v>
      </c>
    </row>
    <row r="294" spans="1:3">
      <c r="A294" s="6" t="s">
        <v>116</v>
      </c>
      <c r="B294" s="22">
        <v>1.7234361567960701</v>
      </c>
      <c r="C294" s="22" t="s">
        <v>123</v>
      </c>
    </row>
    <row r="295" spans="1:3">
      <c r="A295" s="6" t="s">
        <v>116</v>
      </c>
      <c r="B295" s="22">
        <v>2.1260251493743598</v>
      </c>
      <c r="C295" s="22" t="s">
        <v>123</v>
      </c>
    </row>
    <row r="296" spans="1:3">
      <c r="A296" s="6" t="s">
        <v>116</v>
      </c>
      <c r="B296" s="22">
        <v>2.2072860097832399</v>
      </c>
      <c r="C296" s="22" t="s">
        <v>123</v>
      </c>
    </row>
    <row r="297" spans="1:3">
      <c r="A297" s="6" t="s">
        <v>116</v>
      </c>
      <c r="B297" s="22">
        <v>2.4955462452949999</v>
      </c>
      <c r="C297" s="22" t="s">
        <v>123</v>
      </c>
    </row>
    <row r="298" spans="1:3">
      <c r="A298" s="6" t="s">
        <v>116</v>
      </c>
      <c r="B298" s="22">
        <v>2.9661649101305501</v>
      </c>
      <c r="C298" s="22" t="s">
        <v>123</v>
      </c>
    </row>
    <row r="299" spans="1:3">
      <c r="A299" s="6" t="s">
        <v>116</v>
      </c>
      <c r="B299" s="22">
        <v>3.1589045024189701</v>
      </c>
      <c r="C299" s="22" t="s">
        <v>123</v>
      </c>
    </row>
    <row r="300" spans="1:3">
      <c r="A300" s="6" t="s">
        <v>116</v>
      </c>
      <c r="B300" s="22">
        <v>3.7046123346395099</v>
      </c>
      <c r="C300" s="22" t="s">
        <v>123</v>
      </c>
    </row>
    <row r="302" spans="1:3">
      <c r="A302" s="29" t="s">
        <v>131</v>
      </c>
    </row>
  </sheetData>
  <sortState xmlns:xlrd2="http://schemas.microsoft.com/office/spreadsheetml/2017/richdata2" ref="A5:C300">
    <sortCondition ref="A5:A300"/>
    <sortCondition ref="C5:C300"/>
    <sortCondition ref="B5:B300"/>
  </sortState>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6CF6AE-01D9-4DA5-806D-47BEDEA4C08C}">
  <dimension ref="A1:D38"/>
  <sheetViews>
    <sheetView workbookViewId="0">
      <selection activeCell="G10" sqref="G10"/>
    </sheetView>
  </sheetViews>
  <sheetFormatPr defaultRowHeight="12.5"/>
  <cols>
    <col min="1" max="1" width="20.7265625" customWidth="1"/>
  </cols>
  <sheetData>
    <row r="1" spans="1:4" ht="13">
      <c r="A1" s="1" t="s">
        <v>132</v>
      </c>
    </row>
    <row r="2" spans="1:4">
      <c r="A2" t="s">
        <v>133</v>
      </c>
    </row>
    <row r="4" spans="1:4">
      <c r="A4" s="23"/>
      <c r="B4" s="24" t="s">
        <v>127</v>
      </c>
      <c r="C4" s="25"/>
      <c r="D4" s="25"/>
    </row>
    <row r="5" spans="1:4">
      <c r="A5" s="7" t="s">
        <v>128</v>
      </c>
      <c r="B5" s="7">
        <v>0.03</v>
      </c>
      <c r="C5" s="7">
        <v>7.0000000000000007E-2</v>
      </c>
      <c r="D5" s="7">
        <v>0.1</v>
      </c>
    </row>
    <row r="6" spans="1:4">
      <c r="A6" s="6">
        <v>0</v>
      </c>
      <c r="B6" s="22">
        <v>0</v>
      </c>
      <c r="C6" s="22">
        <v>0</v>
      </c>
      <c r="D6" s="22">
        <v>0</v>
      </c>
    </row>
    <row r="7" spans="1:4">
      <c r="A7" s="6">
        <v>1</v>
      </c>
      <c r="B7" s="22">
        <v>0.5114198307879414</v>
      </c>
      <c r="C7" s="22">
        <v>0.47389754431210324</v>
      </c>
      <c r="D7" s="22">
        <v>0.44840107312638589</v>
      </c>
    </row>
    <row r="8" spans="1:4">
      <c r="A8" s="6">
        <v>2</v>
      </c>
      <c r="B8" s="22">
        <v>0.75897477411965508</v>
      </c>
      <c r="C8" s="22">
        <v>0.70328966535377946</v>
      </c>
      <c r="D8" s="22">
        <v>0.66545151889548926</v>
      </c>
    </row>
    <row r="9" spans="1:4">
      <c r="A9" s="6">
        <v>3</v>
      </c>
      <c r="B9" s="22">
        <v>0.93334552446440167</v>
      </c>
      <c r="C9" s="22">
        <v>0.85882675826559063</v>
      </c>
      <c r="D9" s="22">
        <v>0.80860676075271232</v>
      </c>
    </row>
    <row r="10" spans="1:4">
      <c r="A10" s="6">
        <v>4</v>
      </c>
      <c r="B10" s="22">
        <v>1.073564373337565</v>
      </c>
      <c r="C10" s="22">
        <v>0.97922501133534479</v>
      </c>
      <c r="D10" s="22">
        <v>0.91639827071432967</v>
      </c>
    </row>
    <row r="11" spans="1:4">
      <c r="A11" s="6">
        <v>5</v>
      </c>
      <c r="B11" s="22">
        <v>1.2129495828901979</v>
      </c>
      <c r="C11" s="22">
        <v>1.094433353557841</v>
      </c>
      <c r="D11" s="22">
        <v>1.0167302523693582</v>
      </c>
    </row>
    <row r="12" spans="1:4">
      <c r="A12" s="6">
        <v>6</v>
      </c>
      <c r="B12" s="22">
        <v>1.338633629533841</v>
      </c>
      <c r="C12" s="22">
        <v>1.1944335463619644</v>
      </c>
      <c r="D12" s="22">
        <v>1.1014427316641158</v>
      </c>
    </row>
    <row r="13" spans="1:4">
      <c r="A13" s="6">
        <v>7</v>
      </c>
      <c r="B13" s="22">
        <v>1.4572134455604862</v>
      </c>
      <c r="C13" s="22">
        <v>1.2852542581675903</v>
      </c>
      <c r="D13" s="22">
        <v>1.1762807965110142</v>
      </c>
    </row>
    <row r="14" spans="1:4">
      <c r="A14" s="6">
        <v>8</v>
      </c>
      <c r="B14" s="22">
        <v>1.5767651019155196</v>
      </c>
      <c r="C14" s="22">
        <v>1.3733963135679572</v>
      </c>
      <c r="D14" s="22">
        <v>1.2469307554697429</v>
      </c>
    </row>
    <row r="15" spans="1:4">
      <c r="A15" s="6">
        <v>9</v>
      </c>
      <c r="B15" s="22">
        <v>1.6983442722318682</v>
      </c>
      <c r="C15" s="22">
        <v>1.4596822861200243</v>
      </c>
      <c r="D15" s="22">
        <v>1.3142067352323406</v>
      </c>
    </row>
    <row r="16" spans="1:4">
      <c r="A16" s="6">
        <v>10</v>
      </c>
      <c r="B16" s="22">
        <v>1.8274099970493167</v>
      </c>
      <c r="C16" s="22">
        <v>1.5478572712076397</v>
      </c>
      <c r="D16" s="22">
        <v>1.3810805842217282</v>
      </c>
    </row>
    <row r="17" spans="1:4">
      <c r="A17" s="6">
        <v>11</v>
      </c>
      <c r="B17" s="22">
        <v>1.9481540458719753</v>
      </c>
      <c r="C17" s="22">
        <v>1.6272633319931069</v>
      </c>
      <c r="D17" s="22">
        <v>1.4396614343183265</v>
      </c>
    </row>
    <row r="18" spans="1:4">
      <c r="A18" s="6">
        <v>12</v>
      </c>
      <c r="B18" s="22">
        <v>2.0617052076956313</v>
      </c>
      <c r="C18" s="22">
        <v>1.699147449657719</v>
      </c>
      <c r="D18" s="22">
        <v>1.4912467457388336</v>
      </c>
    </row>
    <row r="19" spans="1:4">
      <c r="A19" s="6">
        <v>13</v>
      </c>
      <c r="B19" s="22">
        <v>2.1742783850815264</v>
      </c>
      <c r="C19" s="22">
        <v>1.7677483373532543</v>
      </c>
      <c r="D19" s="22">
        <v>1.539133338638115</v>
      </c>
    </row>
    <row r="20" spans="1:4">
      <c r="A20" s="6">
        <v>14</v>
      </c>
      <c r="B20" s="22">
        <v>2.2886969732042828</v>
      </c>
      <c r="C20" s="22">
        <v>1.8348672392741006</v>
      </c>
      <c r="D20" s="22">
        <v>1.5847076524156545</v>
      </c>
    </row>
    <row r="21" spans="1:4">
      <c r="A21" s="6">
        <v>15</v>
      </c>
      <c r="B21" s="22">
        <v>2.4045838058705566</v>
      </c>
      <c r="C21" s="22">
        <v>1.9003061103572159</v>
      </c>
      <c r="D21" s="22">
        <v>1.6279293864340039</v>
      </c>
    </row>
    <row r="22" spans="1:4">
      <c r="A22" s="6">
        <v>16</v>
      </c>
      <c r="B22" s="22">
        <v>2.5146491251289391</v>
      </c>
      <c r="C22" s="22">
        <v>1.960134270845</v>
      </c>
      <c r="D22" s="22">
        <v>1.6663675942449734</v>
      </c>
    </row>
    <row r="23" spans="1:4">
      <c r="A23" s="6">
        <v>17</v>
      </c>
      <c r="B23" s="22">
        <v>2.622624111150178</v>
      </c>
      <c r="C23" s="22">
        <v>2.0166320993252107</v>
      </c>
      <c r="D23" s="22">
        <v>1.7016761804918168</v>
      </c>
    </row>
    <row r="24" spans="1:4">
      <c r="A24" s="6">
        <v>18</v>
      </c>
      <c r="B24" s="22">
        <v>2.7297077634171085</v>
      </c>
      <c r="C24" s="22">
        <v>2.0705689048779283</v>
      </c>
      <c r="D24" s="22">
        <v>1.7344649324927046</v>
      </c>
    </row>
    <row r="25" spans="1:4">
      <c r="A25" s="6">
        <v>19</v>
      </c>
      <c r="B25" s="22">
        <v>2.8354231554806222</v>
      </c>
      <c r="C25" s="22">
        <v>2.1218259679283431</v>
      </c>
      <c r="D25" s="22">
        <v>1.7647748305843292</v>
      </c>
    </row>
    <row r="26" spans="1:4">
      <c r="A26" s="6">
        <v>20</v>
      </c>
      <c r="B26" s="22">
        <v>2.9407773098447354</v>
      </c>
      <c r="C26" s="22">
        <v>2.1709982773661696</v>
      </c>
      <c r="D26" s="22">
        <v>1.7930589366043068</v>
      </c>
    </row>
    <row r="27" spans="1:4">
      <c r="A27" s="6">
        <v>21</v>
      </c>
      <c r="B27" s="22">
        <v>3.0445351446331403</v>
      </c>
      <c r="C27" s="22">
        <v>2.2176151664151402</v>
      </c>
      <c r="D27" s="22">
        <v>1.8191418578952241</v>
      </c>
    </row>
    <row r="28" spans="1:4">
      <c r="A28" s="6">
        <v>22</v>
      </c>
      <c r="B28" s="22">
        <v>3.1463449758561084</v>
      </c>
      <c r="C28" s="22">
        <v>2.2616468764183546</v>
      </c>
      <c r="D28" s="22">
        <v>1.8431064249560767</v>
      </c>
    </row>
    <row r="29" spans="1:4">
      <c r="A29" s="6">
        <v>23</v>
      </c>
      <c r="B29" s="22">
        <v>3.2465820259735785</v>
      </c>
      <c r="C29" s="22">
        <v>2.3033777579326644</v>
      </c>
      <c r="D29" s="22">
        <v>1.8651993229251898</v>
      </c>
    </row>
    <row r="30" spans="1:4">
      <c r="A30" s="6">
        <v>24</v>
      </c>
      <c r="B30" s="22">
        <v>3.3431741438859124</v>
      </c>
      <c r="C30" s="22">
        <v>2.3420878689769085</v>
      </c>
      <c r="D30" s="22">
        <v>1.8851340657740987</v>
      </c>
    </row>
    <row r="31" spans="1:4">
      <c r="A31" s="6">
        <v>25</v>
      </c>
      <c r="B31" s="22">
        <v>3.4383993144904554</v>
      </c>
      <c r="C31" s="22">
        <v>2.378823536424056</v>
      </c>
      <c r="D31" s="22">
        <v>1.9035360751688268</v>
      </c>
    </row>
    <row r="32" spans="1:4">
      <c r="A32" s="6">
        <v>26</v>
      </c>
      <c r="B32" s="22">
        <v>3.5582845403316354</v>
      </c>
      <c r="C32" s="22">
        <v>2.4233435500169374</v>
      </c>
      <c r="D32" s="22">
        <v>1.9252292788513017</v>
      </c>
    </row>
    <row r="33" spans="1:4">
      <c r="A33" s="6">
        <v>27</v>
      </c>
      <c r="B33" s="22">
        <v>3.6479717012477244</v>
      </c>
      <c r="C33" s="22">
        <v>2.4554042755354941</v>
      </c>
      <c r="D33" s="22">
        <v>1.9404254033936663</v>
      </c>
    </row>
    <row r="34" spans="1:4">
      <c r="A34" s="6">
        <v>28</v>
      </c>
      <c r="B34" s="22">
        <v>3.7346656754212804</v>
      </c>
      <c r="C34" s="22">
        <v>2.4852364856118627</v>
      </c>
      <c r="D34" s="22">
        <v>1.9541796250642762</v>
      </c>
    </row>
    <row r="35" spans="1:4">
      <c r="A35" s="6">
        <v>29</v>
      </c>
      <c r="B35" s="22">
        <v>3.851449104492318</v>
      </c>
      <c r="C35" s="22">
        <v>2.523920468875104</v>
      </c>
      <c r="D35" s="22">
        <v>1.9715285620662226</v>
      </c>
    </row>
    <row r="36" spans="1:4">
      <c r="A36" s="26">
        <v>30</v>
      </c>
      <c r="B36" s="27">
        <v>3.9339220773153585</v>
      </c>
      <c r="C36" s="27">
        <v>2.5502180049795702</v>
      </c>
      <c r="D36" s="27">
        <v>1.9830007918157626</v>
      </c>
    </row>
    <row r="38" spans="1:4">
      <c r="A38" t="s">
        <v>137</v>
      </c>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Supporting chart data workbook","templateDescription":"Use for data you plan to publish on the website. Includes 'about' and 'contents' tabs.","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799e522c-5b1f-4f01-8a66-07ee5157ad9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799e522c-5b1f-4f01-8a66-07ee5157ad9d">
      <Value>2</Value>
    </TaxCatchAll>
    <lcf76f155ced4ddcb4097134ff3c332f xmlns="9818a5f2-5483-412d-8678-057ddb6fc845">
      <Terms xmlns="http://schemas.microsoft.com/office/infopath/2007/PartnerControls"/>
    </lcf76f155ced4ddcb4097134ff3c332f>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4E91143F2B2AAA43B4ED5D06D8E163F6" ma:contentTypeVersion="13" ma:contentTypeDescription="Create a new document." ma:contentTypeScope="" ma:versionID="8a366542719708ca1650807a8a23c738">
  <xsd:schema xmlns:xsd="http://www.w3.org/2001/XMLSchema" xmlns:xs="http://www.w3.org/2001/XMLSchema" xmlns:p="http://schemas.microsoft.com/office/2006/metadata/properties" xmlns:ns2="9818a5f2-5483-412d-8678-057ddb6fc845" xmlns:ns3="799e522c-5b1f-4f01-8a66-07ee5157ad9d" targetNamespace="http://schemas.microsoft.com/office/2006/metadata/properties" ma:root="true" ma:fieldsID="41a3e5b77a88ff7e2d51d16c298214fa" ns2:_="" ns3:_="">
    <xsd:import namespace="9818a5f2-5483-412d-8678-057ddb6fc845"/>
    <xsd:import namespace="799e522c-5b1f-4f01-8a66-07ee5157ad9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i0f84bba906045b4af568ee102a52dcb" minOccurs="0"/>
                <xsd:element ref="ns3:TaxCatchAll" minOccurs="0"/>
                <xsd:element ref="ns2:MediaServiceDateTaken" minOccurs="0"/>
                <xsd:element ref="ns2:lcf76f155ced4ddcb4097134ff3c332f"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18a5f2-5483-412d-8678-057ddb6fc84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5" nillable="true" ma:displayName="MediaServiceDateTaken" ma:hidden="true" ma:indexed="true" ma:internalName="MediaServiceDateTaken" ma:readOnly="true">
      <xsd:simpleType>
        <xsd:restriction base="dms:Text"/>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99e522c-5b1f-4f01-8a66-07ee5157ad9d" elementFormDefault="qualified">
    <xsd:import namespace="http://schemas.microsoft.com/office/2006/documentManagement/types"/>
    <xsd:import namespace="http://schemas.microsoft.com/office/infopath/2007/PartnerControls"/>
    <xsd:element name="i0f84bba906045b4af568ee102a52dcb" ma:index="13" nillable="true" ma:taxonomy="true" ma:internalName="i0f84bba906045b4af568ee102a52dcb" ma:taxonomyFieldName="RevIMBCS" ma:displayName="Record" ma:indexed="true" ma:default="2;#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3f9c0060-6f22-4ebd-8284-499602e6a24c}" ma:internalName="TaxCatchAll" ma:showField="CatchAllData" ma:web="799e522c-5b1f-4f01-8a66-07ee5157ad9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1EFC478-5E73-45FD-BFC4-BC55619BF7EA}">
  <ds:schemaRefs/>
</ds:datastoreItem>
</file>

<file path=customXml/itemProps2.xml><?xml version="1.0" encoding="utf-8"?>
<ds:datastoreItem xmlns:ds="http://schemas.openxmlformats.org/officeDocument/2006/customXml" ds:itemID="{58D938DD-EC6F-4D42-AA4F-4A0F2A288CFB}">
  <ds:schemaRefs/>
</ds:datastoreItem>
</file>

<file path=customXml/itemProps3.xml><?xml version="1.0" encoding="utf-8"?>
<ds:datastoreItem xmlns:ds="http://schemas.openxmlformats.org/officeDocument/2006/customXml" ds:itemID="{AAA7A666-9F4C-4408-8D08-8A8B4EAD4C91}">
  <ds:schemaRef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purl.org/dc/dcmitype/"/>
    <ds:schemaRef ds:uri="http://purl.org/dc/terms/"/>
    <ds:schemaRef ds:uri="799e522c-5b1f-4f01-8a66-07ee5157ad9d"/>
    <ds:schemaRef ds:uri="9818a5f2-5483-412d-8678-057ddb6fc845"/>
    <ds:schemaRef ds:uri="http://www.w3.org/XML/1998/namespace"/>
    <ds:schemaRef ds:uri="http://purl.org/dc/elements/1.1/"/>
  </ds:schemaRefs>
</ds:datastoreItem>
</file>

<file path=customXml/itemProps4.xml><?xml version="1.0" encoding="utf-8"?>
<ds:datastoreItem xmlns:ds="http://schemas.openxmlformats.org/officeDocument/2006/customXml" ds:itemID="{DBAEBB4B-7232-4253-A87A-FA094591008C}">
  <ds:schemaRefs>
    <ds:schemaRef ds:uri="http://schemas.microsoft.com/sharepoint/v3/contenttype/forms"/>
  </ds:schemaRefs>
</ds:datastoreItem>
</file>

<file path=customXml/itemProps5.xml><?xml version="1.0" encoding="utf-8"?>
<ds:datastoreItem xmlns:ds="http://schemas.openxmlformats.org/officeDocument/2006/customXml" ds:itemID="{B0F17028-F6E1-4A01-84C2-81876119C35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18a5f2-5483-412d-8678-057ddb6fc845"/>
    <ds:schemaRef ds:uri="799e522c-5b1f-4f01-8a66-07ee5157ad9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8</vt:i4>
      </vt:variant>
      <vt:variant>
        <vt:lpstr>Named Ranges</vt:lpstr>
      </vt:variant>
      <vt:variant>
        <vt:i4>8</vt:i4>
      </vt:variant>
    </vt:vector>
  </HeadingPairs>
  <TitlesOfParts>
    <vt:vector size="16" baseType="lpstr">
      <vt:lpstr>About</vt:lpstr>
      <vt:lpstr>Contents</vt:lpstr>
      <vt:lpstr>Figure 1</vt:lpstr>
      <vt:lpstr>Figure 2</vt:lpstr>
      <vt:lpstr>Figure 1.2</vt:lpstr>
      <vt:lpstr>Figure 3.1</vt:lpstr>
      <vt:lpstr>Figure B.1</vt:lpstr>
      <vt:lpstr>Figure B.2</vt:lpstr>
      <vt:lpstr>'Figure 2'!SdCt01893f76f3594d6896dee9cf24a4d25d_0</vt:lpstr>
      <vt:lpstr>'Figure 2'!SdCt01893f76f3594d6896dee9cf24a4d25d_1</vt:lpstr>
      <vt:lpstr>'Figure 1'!SdCt4e5d766da78240418bd1ed6a7274eaa7_0</vt:lpstr>
      <vt:lpstr>'Figure 1'!SdCt4e5d766da78240418bd1ed6a7274eaa7_1</vt:lpstr>
      <vt:lpstr>'Figure 3.1'!SdCt75863d086a23460cbd2a851bcd92bb65_0</vt:lpstr>
      <vt:lpstr>'Figure 3.1'!SdCt75863d086a23460cbd2a851bcd92bb65_1</vt:lpstr>
      <vt:lpstr>'Figure 1.2'!SdCtcf56358eb68342b9a41e5fbe11a81be8_0</vt:lpstr>
      <vt:lpstr>'Figure 1.2'!SdCtcf56358eb68342b9a41e5fbe11a81be8_1</vt:lpstr>
    </vt:vector>
  </TitlesOfParts>
  <Manager/>
  <Company>Productivity Commission</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hart data - Inquiry report - Delivering quality care more efficiently</dc:title>
  <dc:subject/>
  <dc:creator>Productivity Commission</dc:creator>
  <cp:keywords/>
  <dc:description/>
  <cp:lastModifiedBy>Chris Alston</cp:lastModifiedBy>
  <cp:revision/>
  <dcterms:created xsi:type="dcterms:W3CDTF">2025-07-31T06:18:17Z</dcterms:created>
  <dcterms:modified xsi:type="dcterms:W3CDTF">2025-12-09T01:07:11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54725005441542</vt:lpwstr>
  </property>
  <property fmtid="{D5CDD505-2E9C-101B-9397-08002B2CF9AE}" pid="4" name="TemplafyUserProfileId">
    <vt:lpwstr>637825451974912191</vt:lpwstr>
  </property>
  <property fmtid="{D5CDD505-2E9C-101B-9397-08002B2CF9AE}" pid="5" name="TemplafyFromBlank">
    <vt:bool>false</vt:bool>
  </property>
  <property fmtid="{D5CDD505-2E9C-101B-9397-08002B2CF9AE}" pid="6" name="MSIP_Label_f7467c1a-e0ed-413c-a72b-aac8e8e94f41_Enabled">
    <vt:lpwstr>true</vt:lpwstr>
  </property>
  <property fmtid="{D5CDD505-2E9C-101B-9397-08002B2CF9AE}" pid="7" name="MSIP_Label_f7467c1a-e0ed-413c-a72b-aac8e8e94f41_SetDate">
    <vt:lpwstr>2025-07-31T06:19:51Z</vt:lpwstr>
  </property>
  <property fmtid="{D5CDD505-2E9C-101B-9397-08002B2CF9AE}" pid="8" name="MSIP_Label_f7467c1a-e0ed-413c-a72b-aac8e8e94f41_Method">
    <vt:lpwstr>Privileged</vt:lpwstr>
  </property>
  <property fmtid="{D5CDD505-2E9C-101B-9397-08002B2CF9AE}" pid="9" name="MSIP_Label_f7467c1a-e0ed-413c-a72b-aac8e8e94f41_Name">
    <vt:lpwstr>OFFICIAL</vt:lpwstr>
  </property>
  <property fmtid="{D5CDD505-2E9C-101B-9397-08002B2CF9AE}" pid="10" name="MSIP_Label_f7467c1a-e0ed-413c-a72b-aac8e8e94f41_SiteId">
    <vt:lpwstr>29f9330b-c0fe-4244-830e-ba9f275d6c34</vt:lpwstr>
  </property>
  <property fmtid="{D5CDD505-2E9C-101B-9397-08002B2CF9AE}" pid="11" name="MSIP_Label_f7467c1a-e0ed-413c-a72b-aac8e8e94f41_ActionId">
    <vt:lpwstr>05975105-1a7d-49f1-aa6b-e1fe60334a1f</vt:lpwstr>
  </property>
  <property fmtid="{D5CDD505-2E9C-101B-9397-08002B2CF9AE}" pid="12" name="MSIP_Label_f7467c1a-e0ed-413c-a72b-aac8e8e94f41_ContentBits">
    <vt:lpwstr>1</vt:lpwstr>
  </property>
  <property fmtid="{D5CDD505-2E9C-101B-9397-08002B2CF9AE}" pid="13" name="MSIP_Label_f7467c1a-e0ed-413c-a72b-aac8e8e94f41_Tag">
    <vt:lpwstr>10, 0, 1, 1</vt:lpwstr>
  </property>
  <property fmtid="{D5CDD505-2E9C-101B-9397-08002B2CF9AE}" pid="14" name="ContentTypeId">
    <vt:lpwstr>0x0101004E91143F2B2AAA43B4ED5D06D8E163F6</vt:lpwstr>
  </property>
  <property fmtid="{D5CDD505-2E9C-101B-9397-08002B2CF9AE}" pid="15" name="RevIMBCS">
    <vt:lpwstr>2;#Unclassified|3955eeb1-2d18-4582-aeb2-00144ec3aaf5</vt:lpwstr>
  </property>
  <property fmtid="{D5CDD505-2E9C-101B-9397-08002B2CF9AE}" pid="16" name="MediaServiceImageTags">
    <vt:lpwstr/>
  </property>
</Properties>
</file>